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sldIdLst>
    <p:sldId id="264" r:id="rId2"/>
  </p:sldIdLst>
  <p:sldSz cx="9144000" cy="6858000" type="screen4x3"/>
  <p:notesSz cx="6797675" cy="9926638"/>
  <p:defaultTextStyle>
    <a:defPPr>
      <a:defRPr lang="en-US"/>
    </a:defPPr>
    <a:lvl1pPr marL="0" lvl="0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lvl="1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lvl="2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lvl="3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lvl="4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lvl="5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6pPr>
    <a:lvl7pPr marL="2743200" lvl="6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7pPr>
    <a:lvl8pPr marL="3200400" lvl="7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8pPr>
    <a:lvl9pPr marL="3657600" lvl="8" indent="0" algn="l" defTabSz="914400" rtl="0" eaLnBrk="0" fontAlgn="base" latinLnBrk="0" hangingPunct="0">
      <a:lnSpc>
        <a:spcPct val="100000"/>
      </a:lnSpc>
      <a:spcBef>
        <a:spcPct val="0"/>
      </a:spcBef>
      <a:spcAft>
        <a:spcPct val="0"/>
      </a:spcAft>
      <a:buNone/>
      <a:defRPr b="0" i="0" u="none" kern="1200" baseline="0">
        <a:solidFill>
          <a:schemeClr val="tx1"/>
        </a:solidFill>
        <a:latin typeface="Arial" panose="020B0604020202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16D9E"/>
    <a:srgbClr val="4A349C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/>
    <p:restoredTop sz="94660"/>
  </p:normalViewPr>
  <p:slideViewPr>
    <p:cSldViewPr snapToGrid="0" showGuides="1">
      <p:cViewPr varScale="1">
        <p:scale>
          <a:sx n="72" d="100"/>
          <a:sy n="72" d="100"/>
        </p:scale>
        <p:origin x="1308" y="5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#1">
  <dgm:title val=""/>
  <dgm:desc val=""/>
  <dgm:catLst>
    <dgm:cat type="colorful" pri="10500"/>
  </dgm:catLst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5#2">
  <dgm:title val=""/>
  <dgm:desc val=""/>
  <dgm:catLst>
    <dgm:cat type="colorful" pri="10500"/>
  </dgm:catLst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B36648D-CBF0-4A42-AECD-D35F176A5FDF}" type="doc">
      <dgm:prSet loTypeId="urn:microsoft.com/office/officeart/2005/8/layout/lProcess2" loCatId="list" qsTypeId="urn:microsoft.com/office/officeart/2005/8/quickstyle/simple1#1" qsCatId="simple" csTypeId="urn:microsoft.com/office/officeart/2005/8/colors/colorful5#1" csCatId="colorful" phldr="1"/>
      <dgm:spPr/>
      <dgm:t>
        <a:bodyPr/>
        <a:lstStyle/>
        <a:p>
          <a:endParaRPr lang="en-US"/>
        </a:p>
      </dgm:t>
    </dgm:pt>
    <dgm:pt modelId="{14B2AA94-7B13-4F8D-8C9E-FF209CD8F74E}">
      <dgm:prSet phldrT="[Text]" custT="1"/>
      <dgm:spPr/>
      <dgm:t>
        <a:bodyPr/>
        <a:lstStyle/>
        <a:p>
          <a:r>
            <a:rPr lang="sq-AL" sz="1600" b="1" dirty="0"/>
            <a:t>THIRRJE E HAPUR</a:t>
          </a:r>
          <a:endParaRPr lang="en-US" sz="1600" b="1" dirty="0"/>
        </a:p>
      </dgm:t>
    </dgm:pt>
    <dgm:pt modelId="{A4F9BE23-8308-494E-9F99-5CB434BECC44}" type="parTrans" cxnId="{52A0997B-698C-4A7E-88DB-C0EBDEFA4125}">
      <dgm:prSet/>
      <dgm:spPr/>
      <dgm:t>
        <a:bodyPr/>
        <a:lstStyle/>
        <a:p>
          <a:endParaRPr lang="en-US"/>
        </a:p>
      </dgm:t>
    </dgm:pt>
    <dgm:pt modelId="{CA76D5FC-2017-429F-806A-3BCD67F89577}" type="sibTrans" cxnId="{52A0997B-698C-4A7E-88DB-C0EBDEFA4125}">
      <dgm:prSet/>
      <dgm:spPr/>
      <dgm:t>
        <a:bodyPr/>
        <a:lstStyle/>
        <a:p>
          <a:endParaRPr lang="en-US"/>
        </a:p>
      </dgm:t>
    </dgm:pt>
    <dgm:pt modelId="{0674D751-22A1-4C75-BBCC-ACA8635F2533}">
      <dgm:prSet phldrT="[Text]"/>
      <dgm:spPr/>
      <dgm:t>
        <a:bodyPr/>
        <a:lstStyle/>
        <a:p>
          <a:r>
            <a:rPr lang="sq-AL" b="1" dirty="0"/>
            <a:t>Java e </a:t>
          </a:r>
          <a:r>
            <a:rPr lang="en-US" b="1" dirty="0"/>
            <a:t>I</a:t>
          </a:r>
          <a:r>
            <a:rPr lang="sq-AL" b="1" dirty="0"/>
            <a:t>-rë, qershor</a:t>
          </a:r>
          <a:r>
            <a:rPr lang="en-US" b="1" dirty="0"/>
            <a:t> 202</a:t>
          </a:r>
          <a:r>
            <a:rPr lang="mk-MK" b="1" dirty="0"/>
            <a:t>3</a:t>
          </a:r>
          <a:r>
            <a:rPr lang="en-US" b="1" dirty="0"/>
            <a:t>,</a:t>
          </a:r>
        </a:p>
        <a:p>
          <a:r>
            <a:rPr lang="sq-AL" b="1" dirty="0">
              <a:solidFill>
                <a:schemeClr val="tx1"/>
              </a:solidFill>
            </a:rPr>
            <a:t>Thirrje e hapur për pjesëmarrje dhe aplikim</a:t>
          </a:r>
          <a:endParaRPr lang="en-US" dirty="0">
            <a:solidFill>
              <a:schemeClr val="tx1"/>
            </a:solidFill>
          </a:endParaRPr>
        </a:p>
      </dgm:t>
    </dgm:pt>
    <dgm:pt modelId="{317FE428-7595-4927-BD62-AADADF5DE651}" type="parTrans" cxnId="{635C7FDC-F6BC-47D3-8655-E878149C85D3}">
      <dgm:prSet/>
      <dgm:spPr/>
      <dgm:t>
        <a:bodyPr/>
        <a:lstStyle/>
        <a:p>
          <a:endParaRPr lang="en-US"/>
        </a:p>
      </dgm:t>
    </dgm:pt>
    <dgm:pt modelId="{88DE29BA-320A-4117-BDCB-7DB2ACB3667F}" type="sibTrans" cxnId="{635C7FDC-F6BC-47D3-8655-E878149C85D3}">
      <dgm:prSet/>
      <dgm:spPr/>
      <dgm:t>
        <a:bodyPr/>
        <a:lstStyle/>
        <a:p>
          <a:endParaRPr lang="en-US"/>
        </a:p>
      </dgm:t>
    </dgm:pt>
    <dgm:pt modelId="{19B44DBB-FC50-4DE0-93F2-33F00F127E48}">
      <dgm:prSet phldrT="[Text]"/>
      <dgm:spPr/>
      <dgm:t>
        <a:bodyPr/>
        <a:lstStyle/>
        <a:p>
          <a:r>
            <a:rPr lang="sq-AL" b="1" dirty="0"/>
            <a:t>Java e </a:t>
          </a:r>
          <a:r>
            <a:rPr lang="en-US" b="1" dirty="0"/>
            <a:t>IV</a:t>
          </a:r>
          <a:r>
            <a:rPr lang="sq-AL" b="1" dirty="0"/>
            <a:t>-të, prej në qershor</a:t>
          </a:r>
          <a:r>
            <a:rPr lang="mk-MK" b="1" dirty="0"/>
            <a:t> 2023</a:t>
          </a:r>
          <a:r>
            <a:rPr lang="en-US" b="1" dirty="0"/>
            <a:t>, </a:t>
          </a:r>
        </a:p>
        <a:p>
          <a:r>
            <a:rPr lang="sq-AL" b="1" dirty="0">
              <a:solidFill>
                <a:schemeClr val="tx1"/>
              </a:solidFill>
            </a:rPr>
            <a:t>Ngjarje publike për fillimin e procesit të ko-krijimit</a:t>
          </a:r>
          <a:endParaRPr lang="en-US" b="1" dirty="0">
            <a:solidFill>
              <a:schemeClr val="tx1"/>
            </a:solidFill>
          </a:endParaRPr>
        </a:p>
      </dgm:t>
    </dgm:pt>
    <dgm:pt modelId="{84695701-3EDA-4DF3-9EBF-46225F36B5DA}" type="parTrans" cxnId="{79F2C645-186C-4013-9781-768CB31A8CDF}">
      <dgm:prSet/>
      <dgm:spPr/>
      <dgm:t>
        <a:bodyPr/>
        <a:lstStyle/>
        <a:p>
          <a:endParaRPr lang="en-US"/>
        </a:p>
      </dgm:t>
    </dgm:pt>
    <dgm:pt modelId="{892D9A47-F150-4FC9-828A-B7C0107068DF}" type="sibTrans" cxnId="{79F2C645-186C-4013-9781-768CB31A8CDF}">
      <dgm:prSet/>
      <dgm:spPr/>
      <dgm:t>
        <a:bodyPr/>
        <a:lstStyle/>
        <a:p>
          <a:endParaRPr lang="en-US"/>
        </a:p>
      </dgm:t>
    </dgm:pt>
    <dgm:pt modelId="{CB68D01E-A5E2-43CF-BF5E-5A55B2BE2132}">
      <dgm:prSet phldrT="[Text]"/>
      <dgm:spPr/>
      <dgm:t>
        <a:bodyPr/>
        <a:lstStyle/>
        <a:p>
          <a:r>
            <a:rPr lang="sq-AL" b="1" dirty="0"/>
            <a:t>EDUKIMI DHE INFORMIMI</a:t>
          </a:r>
          <a:endParaRPr lang="en-US" b="1" dirty="0"/>
        </a:p>
      </dgm:t>
    </dgm:pt>
    <dgm:pt modelId="{DF0D5A03-91B8-4666-9684-0625774CE52D}" type="parTrans" cxnId="{1D9124D8-489A-469E-AF94-FBFF14534EA6}">
      <dgm:prSet/>
      <dgm:spPr/>
      <dgm:t>
        <a:bodyPr/>
        <a:lstStyle/>
        <a:p>
          <a:endParaRPr lang="en-US"/>
        </a:p>
      </dgm:t>
    </dgm:pt>
    <dgm:pt modelId="{0BDE615B-F0F1-491C-A523-9370539D95E6}" type="sibTrans" cxnId="{1D9124D8-489A-469E-AF94-FBFF14534EA6}">
      <dgm:prSet/>
      <dgm:spPr/>
      <dgm:t>
        <a:bodyPr/>
        <a:lstStyle/>
        <a:p>
          <a:endParaRPr lang="en-US"/>
        </a:p>
      </dgm:t>
    </dgm:pt>
    <dgm:pt modelId="{78DDC9BE-1E15-474E-BAA2-7340E708F9C3}">
      <dgm:prSet phldrT="[Text]"/>
      <dgm:spPr/>
      <dgm:t>
        <a:bodyPr/>
        <a:lstStyle/>
        <a:p>
          <a:r>
            <a:rPr lang="sq-AL" b="1" dirty="0"/>
            <a:t>Java e </a:t>
          </a:r>
          <a:r>
            <a:rPr lang="en-US" b="1" dirty="0"/>
            <a:t>I</a:t>
          </a:r>
          <a:r>
            <a:rPr lang="sq-AL" b="1" dirty="0"/>
            <a:t>-rë, prej në qershor</a:t>
          </a:r>
          <a:r>
            <a:rPr lang="mk-MK" b="1" dirty="0"/>
            <a:t> </a:t>
          </a:r>
          <a:r>
            <a:rPr lang="en-US" b="1" dirty="0"/>
            <a:t>202</a:t>
          </a:r>
          <a:r>
            <a:rPr lang="mk-MK" b="1" dirty="0"/>
            <a:t>3</a:t>
          </a:r>
          <a:endParaRPr lang="en-US" b="1" dirty="0"/>
        </a:p>
        <a:p>
          <a:r>
            <a:rPr lang="sq-AL" b="1" dirty="0">
              <a:solidFill>
                <a:schemeClr val="tx1"/>
              </a:solidFill>
            </a:rPr>
            <a:t>Publikimi i materialit edukativ mbi PQH-në dhe procesi i ko-krijimit të PA</a:t>
          </a:r>
          <a:endParaRPr lang="en-US" b="1" dirty="0">
            <a:solidFill>
              <a:schemeClr val="tx1"/>
            </a:solidFill>
          </a:endParaRPr>
        </a:p>
      </dgm:t>
    </dgm:pt>
    <dgm:pt modelId="{1C5DF833-2B5D-4F15-BE16-BE9ECCDE2256}" type="parTrans" cxnId="{F64AAA6A-7351-4533-8C6B-7395640735A7}">
      <dgm:prSet/>
      <dgm:spPr/>
      <dgm:t>
        <a:bodyPr/>
        <a:lstStyle/>
        <a:p>
          <a:endParaRPr lang="en-US"/>
        </a:p>
      </dgm:t>
    </dgm:pt>
    <dgm:pt modelId="{A8D7FE27-3FAF-4CF8-887D-6DFAE54DFF88}" type="sibTrans" cxnId="{F64AAA6A-7351-4533-8C6B-7395640735A7}">
      <dgm:prSet/>
      <dgm:spPr/>
      <dgm:t>
        <a:bodyPr/>
        <a:lstStyle/>
        <a:p>
          <a:endParaRPr lang="en-US"/>
        </a:p>
      </dgm:t>
    </dgm:pt>
    <dgm:pt modelId="{BD158369-2435-464E-B100-C8AA9E2BF4F7}">
      <dgm:prSet phldrT="[Text]"/>
      <dgm:spPr/>
      <dgm:t>
        <a:bodyPr/>
        <a:lstStyle/>
        <a:p>
          <a:r>
            <a:rPr lang="sq-AL" b="1" dirty="0"/>
            <a:t>Java e </a:t>
          </a:r>
          <a:r>
            <a:rPr lang="en-US" b="1" dirty="0"/>
            <a:t>IV</a:t>
          </a:r>
          <a:r>
            <a:rPr lang="sq-AL" b="1" dirty="0"/>
            <a:t>-të, prej në qershor</a:t>
          </a:r>
          <a:r>
            <a:rPr lang="mk-MK" b="1" dirty="0"/>
            <a:t> </a:t>
          </a:r>
          <a:r>
            <a:rPr lang="en-US" b="1" dirty="0"/>
            <a:t>202</a:t>
          </a:r>
          <a:r>
            <a:rPr lang="mk-MK" b="1" dirty="0"/>
            <a:t>3</a:t>
          </a:r>
        </a:p>
        <a:p>
          <a:r>
            <a:rPr lang="sq-AL" b="1" dirty="0">
              <a:solidFill>
                <a:schemeClr val="tx1"/>
              </a:solidFill>
            </a:rPr>
            <a:t>Formimi i grupeve punuese sipas sferave prioritare për ko-krijimin</a:t>
          </a:r>
          <a:endParaRPr lang="en-US" b="1" dirty="0"/>
        </a:p>
      </dgm:t>
    </dgm:pt>
    <dgm:pt modelId="{401ADC85-FBD2-4ED0-963D-B7A82034A170}" type="parTrans" cxnId="{F0CD9D57-4AA7-4545-86E1-B1D332C253EA}">
      <dgm:prSet/>
      <dgm:spPr/>
      <dgm:t>
        <a:bodyPr/>
        <a:lstStyle/>
        <a:p>
          <a:endParaRPr lang="en-US"/>
        </a:p>
      </dgm:t>
    </dgm:pt>
    <dgm:pt modelId="{0EFD4DA1-E8FE-49E6-8779-E5FBA086E4C9}" type="sibTrans" cxnId="{F0CD9D57-4AA7-4545-86E1-B1D332C253EA}">
      <dgm:prSet/>
      <dgm:spPr/>
      <dgm:t>
        <a:bodyPr/>
        <a:lstStyle/>
        <a:p>
          <a:endParaRPr lang="en-US"/>
        </a:p>
      </dgm:t>
    </dgm:pt>
    <dgm:pt modelId="{1683DE8E-4BE6-42C2-9247-52453D3164E5}" type="pres">
      <dgm:prSet presAssocID="{6B36648D-CBF0-4A42-AECD-D35F176A5FDF}" presName="theList" presStyleCnt="0">
        <dgm:presLayoutVars>
          <dgm:dir/>
          <dgm:animLvl val="lvl"/>
          <dgm:resizeHandles val="exact"/>
        </dgm:presLayoutVars>
      </dgm:prSet>
      <dgm:spPr/>
    </dgm:pt>
    <dgm:pt modelId="{8E367442-11A5-4932-9FB4-6AC0FB87A128}" type="pres">
      <dgm:prSet presAssocID="{14B2AA94-7B13-4F8D-8C9E-FF209CD8F74E}" presName="compNode" presStyleCnt="0"/>
      <dgm:spPr/>
    </dgm:pt>
    <dgm:pt modelId="{6E1BFB6A-4BF5-461F-BDA8-E2E7A1831A3E}" type="pres">
      <dgm:prSet presAssocID="{14B2AA94-7B13-4F8D-8C9E-FF209CD8F74E}" presName="aNode" presStyleLbl="bgShp" presStyleIdx="0" presStyleCnt="2" custLinFactNeighborX="1028" custLinFactNeighborY="-14249"/>
      <dgm:spPr/>
    </dgm:pt>
    <dgm:pt modelId="{64F0469B-0690-4E5A-8A08-C54D128E9C1F}" type="pres">
      <dgm:prSet presAssocID="{14B2AA94-7B13-4F8D-8C9E-FF209CD8F74E}" presName="textNode" presStyleLbl="bgShp" presStyleIdx="0" presStyleCnt="2"/>
      <dgm:spPr/>
    </dgm:pt>
    <dgm:pt modelId="{49C676B1-012D-489B-8BC2-E53A16F33838}" type="pres">
      <dgm:prSet presAssocID="{14B2AA94-7B13-4F8D-8C9E-FF209CD8F74E}" presName="compChildNode" presStyleCnt="0"/>
      <dgm:spPr/>
    </dgm:pt>
    <dgm:pt modelId="{B69359CF-9C0D-4ED4-BFEE-E8F541193702}" type="pres">
      <dgm:prSet presAssocID="{14B2AA94-7B13-4F8D-8C9E-FF209CD8F74E}" presName="theInnerList" presStyleCnt="0"/>
      <dgm:spPr/>
    </dgm:pt>
    <dgm:pt modelId="{4AEEAD04-C095-4B71-91CC-F6AFC4A04639}" type="pres">
      <dgm:prSet presAssocID="{0674D751-22A1-4C75-BBCC-ACA8635F2533}" presName="childNode" presStyleLbl="node1" presStyleIdx="0" presStyleCnt="4">
        <dgm:presLayoutVars>
          <dgm:bulletEnabled val="1"/>
        </dgm:presLayoutVars>
      </dgm:prSet>
      <dgm:spPr/>
    </dgm:pt>
    <dgm:pt modelId="{E082B430-E907-4F1D-8131-B9052EF31A5D}" type="pres">
      <dgm:prSet presAssocID="{0674D751-22A1-4C75-BBCC-ACA8635F2533}" presName="aSpace2" presStyleCnt="0"/>
      <dgm:spPr/>
    </dgm:pt>
    <dgm:pt modelId="{61A5A4F2-85E1-4D34-91ED-44A3645AD740}" type="pres">
      <dgm:prSet presAssocID="{19B44DBB-FC50-4DE0-93F2-33F00F127E48}" presName="childNode" presStyleLbl="node1" presStyleIdx="1" presStyleCnt="4">
        <dgm:presLayoutVars>
          <dgm:bulletEnabled val="1"/>
        </dgm:presLayoutVars>
      </dgm:prSet>
      <dgm:spPr/>
    </dgm:pt>
    <dgm:pt modelId="{BB1791CF-661D-4747-B224-1A2B3780BCAC}" type="pres">
      <dgm:prSet presAssocID="{19B44DBB-FC50-4DE0-93F2-33F00F127E48}" presName="aSpace2" presStyleCnt="0"/>
      <dgm:spPr/>
    </dgm:pt>
    <dgm:pt modelId="{CC528EC5-3302-4C02-B352-9D35037913E2}" type="pres">
      <dgm:prSet presAssocID="{BD158369-2435-464E-B100-C8AA9E2BF4F7}" presName="childNode" presStyleLbl="node1" presStyleIdx="2" presStyleCnt="4">
        <dgm:presLayoutVars>
          <dgm:bulletEnabled val="1"/>
        </dgm:presLayoutVars>
      </dgm:prSet>
      <dgm:spPr/>
    </dgm:pt>
    <dgm:pt modelId="{F4D57292-1F27-41B9-A9E4-89E208F85E31}" type="pres">
      <dgm:prSet presAssocID="{14B2AA94-7B13-4F8D-8C9E-FF209CD8F74E}" presName="aSpace" presStyleCnt="0"/>
      <dgm:spPr/>
    </dgm:pt>
    <dgm:pt modelId="{A1C4483D-039B-413C-9379-BD23E02DF742}" type="pres">
      <dgm:prSet presAssocID="{CB68D01E-A5E2-43CF-BF5E-5A55B2BE2132}" presName="compNode" presStyleCnt="0"/>
      <dgm:spPr/>
    </dgm:pt>
    <dgm:pt modelId="{FCD5E35C-DB70-4734-A070-92F6CBF813BE}" type="pres">
      <dgm:prSet presAssocID="{CB68D01E-A5E2-43CF-BF5E-5A55B2BE2132}" presName="aNode" presStyleLbl="bgShp" presStyleIdx="1" presStyleCnt="2"/>
      <dgm:spPr/>
    </dgm:pt>
    <dgm:pt modelId="{EBC0B2AE-8FBC-4CA7-992C-8C33DCE88C74}" type="pres">
      <dgm:prSet presAssocID="{CB68D01E-A5E2-43CF-BF5E-5A55B2BE2132}" presName="textNode" presStyleLbl="bgShp" presStyleIdx="1" presStyleCnt="2"/>
      <dgm:spPr/>
    </dgm:pt>
    <dgm:pt modelId="{666E18C9-3AA0-4EBB-B6B9-52555DEB5BA6}" type="pres">
      <dgm:prSet presAssocID="{CB68D01E-A5E2-43CF-BF5E-5A55B2BE2132}" presName="compChildNode" presStyleCnt="0"/>
      <dgm:spPr/>
    </dgm:pt>
    <dgm:pt modelId="{82424413-CEC3-46F1-AAB7-01D3E2AB96B3}" type="pres">
      <dgm:prSet presAssocID="{CB68D01E-A5E2-43CF-BF5E-5A55B2BE2132}" presName="theInnerList" presStyleCnt="0"/>
      <dgm:spPr/>
    </dgm:pt>
    <dgm:pt modelId="{8FA48B5D-139E-4834-AC61-6E781310C395}" type="pres">
      <dgm:prSet presAssocID="{78DDC9BE-1E15-474E-BAA2-7340E708F9C3}" presName="childNode" presStyleLbl="node1" presStyleIdx="3" presStyleCnt="4" custScaleX="100164" custScaleY="96491" custLinFactNeighborX="2435">
        <dgm:presLayoutVars>
          <dgm:bulletEnabled val="1"/>
        </dgm:presLayoutVars>
      </dgm:prSet>
      <dgm:spPr/>
    </dgm:pt>
  </dgm:ptLst>
  <dgm:cxnLst>
    <dgm:cxn modelId="{A9C30A18-253A-49B7-91C0-0552B4B10E82}" type="presOf" srcId="{0674D751-22A1-4C75-BBCC-ACA8635F2533}" destId="{4AEEAD04-C095-4B71-91CC-F6AFC4A04639}" srcOrd="0" destOrd="0" presId="urn:microsoft.com/office/officeart/2005/8/layout/lProcess2"/>
    <dgm:cxn modelId="{24299D5D-8832-4F98-9D7F-E32313984697}" type="presOf" srcId="{CB68D01E-A5E2-43CF-BF5E-5A55B2BE2132}" destId="{FCD5E35C-DB70-4734-A070-92F6CBF813BE}" srcOrd="0" destOrd="0" presId="urn:microsoft.com/office/officeart/2005/8/layout/lProcess2"/>
    <dgm:cxn modelId="{79F2C645-186C-4013-9781-768CB31A8CDF}" srcId="{14B2AA94-7B13-4F8D-8C9E-FF209CD8F74E}" destId="{19B44DBB-FC50-4DE0-93F2-33F00F127E48}" srcOrd="1" destOrd="0" parTransId="{84695701-3EDA-4DF3-9EBF-46225F36B5DA}" sibTransId="{892D9A47-F150-4FC9-828A-B7C0107068DF}"/>
    <dgm:cxn modelId="{F64AAA6A-7351-4533-8C6B-7395640735A7}" srcId="{CB68D01E-A5E2-43CF-BF5E-5A55B2BE2132}" destId="{78DDC9BE-1E15-474E-BAA2-7340E708F9C3}" srcOrd="0" destOrd="0" parTransId="{1C5DF833-2B5D-4F15-BE16-BE9ECCDE2256}" sibTransId="{A8D7FE27-3FAF-4CF8-887D-6DFAE54DFF88}"/>
    <dgm:cxn modelId="{AD37BC75-18AD-44AD-A2B0-905F9EE289C5}" type="presOf" srcId="{6B36648D-CBF0-4A42-AECD-D35F176A5FDF}" destId="{1683DE8E-4BE6-42C2-9247-52453D3164E5}" srcOrd="0" destOrd="0" presId="urn:microsoft.com/office/officeart/2005/8/layout/lProcess2"/>
    <dgm:cxn modelId="{F0CD9D57-4AA7-4545-86E1-B1D332C253EA}" srcId="{14B2AA94-7B13-4F8D-8C9E-FF209CD8F74E}" destId="{BD158369-2435-464E-B100-C8AA9E2BF4F7}" srcOrd="2" destOrd="0" parTransId="{401ADC85-FBD2-4ED0-963D-B7A82034A170}" sibTransId="{0EFD4DA1-E8FE-49E6-8779-E5FBA086E4C9}"/>
    <dgm:cxn modelId="{535F3A7B-93E3-4B03-81D8-4976A5954A84}" type="presOf" srcId="{14B2AA94-7B13-4F8D-8C9E-FF209CD8F74E}" destId="{6E1BFB6A-4BF5-461F-BDA8-E2E7A1831A3E}" srcOrd="0" destOrd="0" presId="urn:microsoft.com/office/officeart/2005/8/layout/lProcess2"/>
    <dgm:cxn modelId="{52A0997B-698C-4A7E-88DB-C0EBDEFA4125}" srcId="{6B36648D-CBF0-4A42-AECD-D35F176A5FDF}" destId="{14B2AA94-7B13-4F8D-8C9E-FF209CD8F74E}" srcOrd="0" destOrd="0" parTransId="{A4F9BE23-8308-494E-9F99-5CB434BECC44}" sibTransId="{CA76D5FC-2017-429F-806A-3BCD67F89577}"/>
    <dgm:cxn modelId="{578C2788-7010-4D2E-B969-82D752F627FD}" type="presOf" srcId="{19B44DBB-FC50-4DE0-93F2-33F00F127E48}" destId="{61A5A4F2-85E1-4D34-91ED-44A3645AD740}" srcOrd="0" destOrd="0" presId="urn:microsoft.com/office/officeart/2005/8/layout/lProcess2"/>
    <dgm:cxn modelId="{A32776A7-CD34-4B15-9AC5-6374BF2BA78D}" type="presOf" srcId="{BD158369-2435-464E-B100-C8AA9E2BF4F7}" destId="{CC528EC5-3302-4C02-B352-9D35037913E2}" srcOrd="0" destOrd="0" presId="urn:microsoft.com/office/officeart/2005/8/layout/lProcess2"/>
    <dgm:cxn modelId="{1E8249AF-7655-4F0D-9555-FEEE4B5507CF}" type="presOf" srcId="{14B2AA94-7B13-4F8D-8C9E-FF209CD8F74E}" destId="{64F0469B-0690-4E5A-8A08-C54D128E9C1F}" srcOrd="1" destOrd="0" presId="urn:microsoft.com/office/officeart/2005/8/layout/lProcess2"/>
    <dgm:cxn modelId="{1D9124D8-489A-469E-AF94-FBFF14534EA6}" srcId="{6B36648D-CBF0-4A42-AECD-D35F176A5FDF}" destId="{CB68D01E-A5E2-43CF-BF5E-5A55B2BE2132}" srcOrd="1" destOrd="0" parTransId="{DF0D5A03-91B8-4666-9684-0625774CE52D}" sibTransId="{0BDE615B-F0F1-491C-A523-9370539D95E6}"/>
    <dgm:cxn modelId="{635C7FDC-F6BC-47D3-8655-E878149C85D3}" srcId="{14B2AA94-7B13-4F8D-8C9E-FF209CD8F74E}" destId="{0674D751-22A1-4C75-BBCC-ACA8635F2533}" srcOrd="0" destOrd="0" parTransId="{317FE428-7595-4927-BD62-AADADF5DE651}" sibTransId="{88DE29BA-320A-4117-BDCB-7DB2ACB3667F}"/>
    <dgm:cxn modelId="{C63B79E6-A128-4B8D-804F-55861C02E0C4}" type="presOf" srcId="{CB68D01E-A5E2-43CF-BF5E-5A55B2BE2132}" destId="{EBC0B2AE-8FBC-4CA7-992C-8C33DCE88C74}" srcOrd="1" destOrd="0" presId="urn:microsoft.com/office/officeart/2005/8/layout/lProcess2"/>
    <dgm:cxn modelId="{943D54F3-793B-465C-A119-E7F6464D3C0F}" type="presOf" srcId="{78DDC9BE-1E15-474E-BAA2-7340E708F9C3}" destId="{8FA48B5D-139E-4834-AC61-6E781310C395}" srcOrd="0" destOrd="0" presId="urn:microsoft.com/office/officeart/2005/8/layout/lProcess2"/>
    <dgm:cxn modelId="{F9E3148C-A5BE-447E-84FF-E9953FD38389}" type="presParOf" srcId="{1683DE8E-4BE6-42C2-9247-52453D3164E5}" destId="{8E367442-11A5-4932-9FB4-6AC0FB87A128}" srcOrd="0" destOrd="0" presId="urn:microsoft.com/office/officeart/2005/8/layout/lProcess2"/>
    <dgm:cxn modelId="{5AE1775B-E40F-45B2-9EC5-CD55C69CA81B}" type="presParOf" srcId="{8E367442-11A5-4932-9FB4-6AC0FB87A128}" destId="{6E1BFB6A-4BF5-461F-BDA8-E2E7A1831A3E}" srcOrd="0" destOrd="0" presId="urn:microsoft.com/office/officeart/2005/8/layout/lProcess2"/>
    <dgm:cxn modelId="{AE3DB18F-C4E0-42F8-B1CF-D04210075589}" type="presParOf" srcId="{8E367442-11A5-4932-9FB4-6AC0FB87A128}" destId="{64F0469B-0690-4E5A-8A08-C54D128E9C1F}" srcOrd="1" destOrd="0" presId="urn:microsoft.com/office/officeart/2005/8/layout/lProcess2"/>
    <dgm:cxn modelId="{B6D68D30-F700-4402-90D6-6C1E5BA8D171}" type="presParOf" srcId="{8E367442-11A5-4932-9FB4-6AC0FB87A128}" destId="{49C676B1-012D-489B-8BC2-E53A16F33838}" srcOrd="2" destOrd="0" presId="urn:microsoft.com/office/officeart/2005/8/layout/lProcess2"/>
    <dgm:cxn modelId="{34F5ABE4-1808-4AF3-AB00-D413496C48A9}" type="presParOf" srcId="{49C676B1-012D-489B-8BC2-E53A16F33838}" destId="{B69359CF-9C0D-4ED4-BFEE-E8F541193702}" srcOrd="0" destOrd="0" presId="urn:microsoft.com/office/officeart/2005/8/layout/lProcess2"/>
    <dgm:cxn modelId="{C4D6755E-68BD-4FE6-A692-E4F368483184}" type="presParOf" srcId="{B69359CF-9C0D-4ED4-BFEE-E8F541193702}" destId="{4AEEAD04-C095-4B71-91CC-F6AFC4A04639}" srcOrd="0" destOrd="0" presId="urn:microsoft.com/office/officeart/2005/8/layout/lProcess2"/>
    <dgm:cxn modelId="{7BCB3CB4-DBBC-4662-81B9-0A7A3DA2EE35}" type="presParOf" srcId="{B69359CF-9C0D-4ED4-BFEE-E8F541193702}" destId="{E082B430-E907-4F1D-8131-B9052EF31A5D}" srcOrd="1" destOrd="0" presId="urn:microsoft.com/office/officeart/2005/8/layout/lProcess2"/>
    <dgm:cxn modelId="{DD1A74FB-CFE2-4052-A8E1-EE621AB9ABBA}" type="presParOf" srcId="{B69359CF-9C0D-4ED4-BFEE-E8F541193702}" destId="{61A5A4F2-85E1-4D34-91ED-44A3645AD740}" srcOrd="2" destOrd="0" presId="urn:microsoft.com/office/officeart/2005/8/layout/lProcess2"/>
    <dgm:cxn modelId="{BBC70378-A827-449F-8600-33D4BB7F57CA}" type="presParOf" srcId="{B69359CF-9C0D-4ED4-BFEE-E8F541193702}" destId="{BB1791CF-661D-4747-B224-1A2B3780BCAC}" srcOrd="3" destOrd="0" presId="urn:microsoft.com/office/officeart/2005/8/layout/lProcess2"/>
    <dgm:cxn modelId="{0EA56BA3-7F43-4425-B6A0-DBF10510DA19}" type="presParOf" srcId="{B69359CF-9C0D-4ED4-BFEE-E8F541193702}" destId="{CC528EC5-3302-4C02-B352-9D35037913E2}" srcOrd="4" destOrd="0" presId="urn:microsoft.com/office/officeart/2005/8/layout/lProcess2"/>
    <dgm:cxn modelId="{55761556-55A5-47A1-8F98-B957DCEB55CB}" type="presParOf" srcId="{1683DE8E-4BE6-42C2-9247-52453D3164E5}" destId="{F4D57292-1F27-41B9-A9E4-89E208F85E31}" srcOrd="1" destOrd="0" presId="urn:microsoft.com/office/officeart/2005/8/layout/lProcess2"/>
    <dgm:cxn modelId="{E1B5975F-C936-4F32-92CC-6F6B2C07C8AD}" type="presParOf" srcId="{1683DE8E-4BE6-42C2-9247-52453D3164E5}" destId="{A1C4483D-039B-413C-9379-BD23E02DF742}" srcOrd="2" destOrd="0" presId="urn:microsoft.com/office/officeart/2005/8/layout/lProcess2"/>
    <dgm:cxn modelId="{9C165A58-AB42-48D2-BF8B-A0D6DD6895FA}" type="presParOf" srcId="{A1C4483D-039B-413C-9379-BD23E02DF742}" destId="{FCD5E35C-DB70-4734-A070-92F6CBF813BE}" srcOrd="0" destOrd="0" presId="urn:microsoft.com/office/officeart/2005/8/layout/lProcess2"/>
    <dgm:cxn modelId="{9C1CE3C2-527B-47DB-B1D3-5A63F63CE8AD}" type="presParOf" srcId="{A1C4483D-039B-413C-9379-BD23E02DF742}" destId="{EBC0B2AE-8FBC-4CA7-992C-8C33DCE88C74}" srcOrd="1" destOrd="0" presId="urn:microsoft.com/office/officeart/2005/8/layout/lProcess2"/>
    <dgm:cxn modelId="{7B37D2F8-4259-4556-B89E-9772DE787DF0}" type="presParOf" srcId="{A1C4483D-039B-413C-9379-BD23E02DF742}" destId="{666E18C9-3AA0-4EBB-B6B9-52555DEB5BA6}" srcOrd="2" destOrd="0" presId="urn:microsoft.com/office/officeart/2005/8/layout/lProcess2"/>
    <dgm:cxn modelId="{9B69D024-9906-441A-BC17-C8F2F8113813}" type="presParOf" srcId="{666E18C9-3AA0-4EBB-B6B9-52555DEB5BA6}" destId="{82424413-CEC3-46F1-AAB7-01D3E2AB96B3}" srcOrd="0" destOrd="0" presId="urn:microsoft.com/office/officeart/2005/8/layout/lProcess2"/>
    <dgm:cxn modelId="{EC83DAB9-3AD9-4D96-8558-FFFC42F57A29}" type="presParOf" srcId="{82424413-CEC3-46F1-AAB7-01D3E2AB96B3}" destId="{8FA48B5D-139E-4834-AC61-6E781310C395}" srcOrd="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5EDFDF1-BFF2-4E6E-8B55-7EB677EE860E}" type="doc">
      <dgm:prSet loTypeId="urn:microsoft.com/office/officeart/2005/8/layout/lProcess2" loCatId="list" qsTypeId="urn:microsoft.com/office/officeart/2005/8/quickstyle/simple1#2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7D4E39A3-2C82-49DE-AB51-46EEF78AF915}">
      <dgm:prSet phldrT="[Text]" custT="1"/>
      <dgm:spPr/>
      <dgm:t>
        <a:bodyPr/>
        <a:lstStyle/>
        <a:p>
          <a:r>
            <a:rPr lang="sq-AL" sz="1600" b="1" dirty="0"/>
            <a:t>KONSULTIME NË PROCESIN E KO-KRIJIMIT</a:t>
          </a:r>
          <a:endParaRPr lang="en-US" sz="1600" b="1" dirty="0"/>
        </a:p>
      </dgm:t>
    </dgm:pt>
    <dgm:pt modelId="{5BD11FBE-114C-4D23-87F7-34669AE82273}" type="parTrans" cxnId="{900FA371-D062-4D19-B00E-6640A897CC01}">
      <dgm:prSet/>
      <dgm:spPr/>
      <dgm:t>
        <a:bodyPr/>
        <a:lstStyle/>
        <a:p>
          <a:endParaRPr lang="en-US"/>
        </a:p>
      </dgm:t>
    </dgm:pt>
    <dgm:pt modelId="{40839B3A-D89E-4438-AC0E-D0390DFDDA5E}" type="sibTrans" cxnId="{900FA371-D062-4D19-B00E-6640A897CC01}">
      <dgm:prSet/>
      <dgm:spPr/>
      <dgm:t>
        <a:bodyPr/>
        <a:lstStyle/>
        <a:p>
          <a:endParaRPr lang="en-US"/>
        </a:p>
      </dgm:t>
    </dgm:pt>
    <dgm:pt modelId="{428610BE-7CA5-4421-81B6-B75186127841}">
      <dgm:prSet phldrT="[Text]" custT="1"/>
      <dgm:spPr/>
      <dgm:t>
        <a:bodyPr/>
        <a:lstStyle/>
        <a:p>
          <a:pPr algn="ctr"/>
          <a:r>
            <a:rPr lang="en-US" sz="900" b="1" dirty="0"/>
            <a:t>(</a:t>
          </a:r>
          <a:r>
            <a:rPr lang="sq-AL" sz="900" b="1" dirty="0"/>
            <a:t>Java e </a:t>
          </a:r>
          <a:r>
            <a:rPr lang="en-US" sz="900" b="1" dirty="0"/>
            <a:t>I</a:t>
          </a:r>
          <a:r>
            <a:rPr lang="sq-AL" sz="900" b="1" dirty="0"/>
            <a:t>-rë prej në qershor</a:t>
          </a:r>
          <a:r>
            <a:rPr lang="mk-MK" sz="900" b="1" dirty="0"/>
            <a:t> 2023 </a:t>
          </a:r>
          <a:r>
            <a:rPr lang="en-US" sz="900" b="1" dirty="0"/>
            <a:t>) </a:t>
          </a:r>
        </a:p>
        <a:p>
          <a:pPr algn="ctr"/>
          <a:r>
            <a:rPr lang="en-US" sz="900" b="1" dirty="0" err="1">
              <a:solidFill>
                <a:schemeClr val="tx1"/>
              </a:solidFill>
            </a:rPr>
            <a:t>Pyetësori</a:t>
          </a:r>
          <a:r>
            <a:rPr lang="en-US" sz="900" b="1" dirty="0">
              <a:solidFill>
                <a:schemeClr val="tx1"/>
              </a:solidFill>
            </a:rPr>
            <a:t> </a:t>
          </a:r>
          <a:r>
            <a:rPr lang="en-US" sz="900" b="1" dirty="0" err="1">
              <a:solidFill>
                <a:schemeClr val="tx1"/>
              </a:solidFill>
            </a:rPr>
            <a:t>për</a:t>
          </a:r>
          <a:r>
            <a:rPr lang="en-US" sz="900" b="1" dirty="0">
              <a:solidFill>
                <a:schemeClr val="tx1"/>
              </a:solidFill>
            </a:rPr>
            <a:t> </a:t>
          </a:r>
          <a:r>
            <a:rPr lang="en-US" sz="900" b="1" dirty="0" err="1">
              <a:solidFill>
                <a:schemeClr val="tx1"/>
              </a:solidFill>
            </a:rPr>
            <a:t>zbatimin</a:t>
          </a:r>
          <a:r>
            <a:rPr lang="en-US" sz="900" b="1" dirty="0">
              <a:solidFill>
                <a:schemeClr val="tx1"/>
              </a:solidFill>
            </a:rPr>
            <a:t> e </a:t>
          </a:r>
          <a:r>
            <a:rPr lang="en-US" sz="900" b="1" dirty="0" err="1">
              <a:solidFill>
                <a:schemeClr val="tx1"/>
              </a:solidFill>
            </a:rPr>
            <a:t>angazhimeve</a:t>
          </a:r>
          <a:r>
            <a:rPr lang="en-US" sz="900" b="1" dirty="0">
              <a:solidFill>
                <a:schemeClr val="tx1"/>
              </a:solidFill>
            </a:rPr>
            <a:t> </a:t>
          </a:r>
          <a:r>
            <a:rPr lang="en-US" sz="900" b="1" dirty="0" err="1">
              <a:solidFill>
                <a:schemeClr val="tx1"/>
              </a:solidFill>
            </a:rPr>
            <a:t>të</a:t>
          </a:r>
          <a:r>
            <a:rPr lang="en-US" sz="900" b="1" dirty="0">
              <a:solidFill>
                <a:schemeClr val="tx1"/>
              </a:solidFill>
            </a:rPr>
            <a:t> PN</a:t>
          </a:r>
          <a:r>
            <a:rPr lang="sq-AL" sz="900" b="1" dirty="0">
              <a:solidFill>
                <a:schemeClr val="tx1"/>
              </a:solidFill>
            </a:rPr>
            <a:t>A</a:t>
          </a:r>
          <a:r>
            <a:rPr lang="en-US" sz="900" b="1" dirty="0">
              <a:solidFill>
                <a:schemeClr val="tx1"/>
              </a:solidFill>
            </a:rPr>
            <a:t> 5</a:t>
          </a:r>
        </a:p>
      </dgm:t>
    </dgm:pt>
    <dgm:pt modelId="{6216B3EC-AD2B-40D6-BEB1-3B63838DCCC7}" type="parTrans" cxnId="{E8ED27AC-463D-4C90-9BF8-781284D288BC}">
      <dgm:prSet/>
      <dgm:spPr/>
      <dgm:t>
        <a:bodyPr/>
        <a:lstStyle/>
        <a:p>
          <a:endParaRPr lang="en-US"/>
        </a:p>
      </dgm:t>
    </dgm:pt>
    <dgm:pt modelId="{51AA294D-839F-4DB6-9B3B-3D7FD6D895B4}" type="sibTrans" cxnId="{E8ED27AC-463D-4C90-9BF8-781284D288BC}">
      <dgm:prSet/>
      <dgm:spPr/>
      <dgm:t>
        <a:bodyPr/>
        <a:lstStyle/>
        <a:p>
          <a:endParaRPr lang="en-US"/>
        </a:p>
      </dgm:t>
    </dgm:pt>
    <dgm:pt modelId="{7C943F90-948A-4610-A142-AF81B19515D1}">
      <dgm:prSet phldrT="[Text]" custT="1"/>
      <dgm:spPr/>
      <dgm:t>
        <a:bodyPr/>
        <a:lstStyle/>
        <a:p>
          <a:r>
            <a:rPr lang="sq-AL" sz="900" dirty="0"/>
            <a:t>TAKIMI I KATËRT</a:t>
          </a:r>
          <a:endParaRPr lang="mk-MK" sz="900" dirty="0"/>
        </a:p>
        <a:p>
          <a:r>
            <a:rPr lang="en-US" sz="900" dirty="0"/>
            <a:t> </a:t>
          </a:r>
          <a:r>
            <a:rPr lang="en-US" sz="900" b="1" dirty="0"/>
            <a:t>(</a:t>
          </a:r>
          <a:r>
            <a:rPr lang="sq-AL" sz="900" b="1" dirty="0"/>
            <a:t>Java e </a:t>
          </a:r>
          <a:r>
            <a:rPr lang="en-US" sz="900" b="1" dirty="0"/>
            <a:t>IV</a:t>
          </a:r>
          <a:r>
            <a:rPr lang="sq-AL" sz="900" b="1" dirty="0"/>
            <a:t>-të e shtatorit</a:t>
          </a:r>
          <a:r>
            <a:rPr lang="mk-MK" sz="900" b="1" dirty="0"/>
            <a:t> 2023</a:t>
          </a:r>
          <a:r>
            <a:rPr lang="en-US" sz="900" b="1" dirty="0"/>
            <a:t>) </a:t>
          </a:r>
        </a:p>
        <a:p>
          <a:r>
            <a:rPr lang="it-IT" sz="900" b="1" dirty="0">
              <a:solidFill>
                <a:schemeClr val="tx1"/>
              </a:solidFill>
            </a:rPr>
            <a:t>ZHVILLIMI I ANGAZHIMEVE DHE ZHVILLIMI I INDIKATORËVE</a:t>
          </a:r>
          <a:endParaRPr lang="en-US" sz="900" b="1" dirty="0">
            <a:solidFill>
              <a:schemeClr val="tx1"/>
            </a:solidFill>
          </a:endParaRPr>
        </a:p>
      </dgm:t>
    </dgm:pt>
    <dgm:pt modelId="{52FDBFC5-1659-439E-91BF-B2F1E8B86D03}" type="parTrans" cxnId="{DCAD87CA-9AFE-47F7-8CAE-EA031DE64D10}">
      <dgm:prSet/>
      <dgm:spPr/>
      <dgm:t>
        <a:bodyPr/>
        <a:lstStyle/>
        <a:p>
          <a:endParaRPr lang="en-US"/>
        </a:p>
      </dgm:t>
    </dgm:pt>
    <dgm:pt modelId="{4DA5853A-4620-4A1D-9C10-EFDBDE5A4AE1}" type="sibTrans" cxnId="{DCAD87CA-9AFE-47F7-8CAE-EA031DE64D10}">
      <dgm:prSet/>
      <dgm:spPr/>
      <dgm:t>
        <a:bodyPr/>
        <a:lstStyle/>
        <a:p>
          <a:endParaRPr lang="en-US"/>
        </a:p>
      </dgm:t>
    </dgm:pt>
    <dgm:pt modelId="{C00A96B3-C828-483A-8926-6DA0E07A9010}">
      <dgm:prSet phldrT="[Text]" custT="1"/>
      <dgm:spPr/>
      <dgm:t>
        <a:bodyPr/>
        <a:lstStyle/>
        <a:p>
          <a:pPr algn="ctr"/>
          <a:r>
            <a:rPr lang="sq-AL" sz="900" dirty="0"/>
            <a:t>TAKIMI I DYTË </a:t>
          </a:r>
          <a:r>
            <a:rPr lang="en-US" sz="900" dirty="0"/>
            <a:t> </a:t>
          </a:r>
          <a:r>
            <a:rPr lang="en-US" sz="900" b="1" dirty="0"/>
            <a:t>(</a:t>
          </a:r>
          <a:r>
            <a:rPr lang="sq-AL" sz="900" b="1" dirty="0"/>
            <a:t>Java e </a:t>
          </a:r>
          <a:r>
            <a:rPr lang="en-US" sz="900" b="1" dirty="0"/>
            <a:t>III</a:t>
          </a:r>
          <a:r>
            <a:rPr lang="sq-AL" sz="900" b="1" dirty="0"/>
            <a:t>-të e korrikut</a:t>
          </a:r>
          <a:r>
            <a:rPr lang="en-US" sz="900" b="1" dirty="0"/>
            <a:t> 2023) </a:t>
          </a:r>
        </a:p>
        <a:p>
          <a:pPr algn="ctr"/>
          <a:r>
            <a:rPr lang="en-US" sz="900" b="1" dirty="0">
              <a:solidFill>
                <a:schemeClr val="tx1"/>
              </a:solidFill>
            </a:rPr>
            <a:t>IDENTIFIKIMI I AKTIVITETEVE NË VIJIM NË LIDHJE ME PROBLEMET E INDENTIFIKUARA</a:t>
          </a:r>
        </a:p>
      </dgm:t>
    </dgm:pt>
    <dgm:pt modelId="{828DFEA5-3986-415E-AB64-09BC839949D1}" type="parTrans" cxnId="{6A331EF7-8EC9-4CB6-8517-7C8A964D1F7A}">
      <dgm:prSet/>
      <dgm:spPr/>
      <dgm:t>
        <a:bodyPr/>
        <a:lstStyle/>
        <a:p>
          <a:endParaRPr lang="en-US"/>
        </a:p>
      </dgm:t>
    </dgm:pt>
    <dgm:pt modelId="{15BE1EAD-CA5D-4A1D-A701-5985281F247C}" type="sibTrans" cxnId="{6A331EF7-8EC9-4CB6-8517-7C8A964D1F7A}">
      <dgm:prSet/>
      <dgm:spPr/>
      <dgm:t>
        <a:bodyPr/>
        <a:lstStyle/>
        <a:p>
          <a:endParaRPr lang="en-US"/>
        </a:p>
      </dgm:t>
    </dgm:pt>
    <dgm:pt modelId="{B34D38AB-83F5-41C7-91CE-3911DCA9DCBC}">
      <dgm:prSet phldrT="[Text]" custT="1"/>
      <dgm:spPr/>
      <dgm:t>
        <a:bodyPr/>
        <a:lstStyle/>
        <a:p>
          <a:pPr algn="ctr"/>
          <a:r>
            <a:rPr lang="en-US" sz="900" dirty="0"/>
            <a:t>TAKIMI I PARË</a:t>
          </a:r>
          <a:r>
            <a:rPr lang="sq-AL" sz="900" dirty="0"/>
            <a:t> </a:t>
          </a:r>
          <a:r>
            <a:rPr lang="en-US" sz="900" b="1" dirty="0"/>
            <a:t>(</a:t>
          </a:r>
          <a:r>
            <a:rPr lang="sq-AL" sz="900" b="1" dirty="0"/>
            <a:t>Java e </a:t>
          </a:r>
          <a:r>
            <a:rPr lang="en-US" sz="900" b="1" dirty="0"/>
            <a:t>I</a:t>
          </a:r>
          <a:r>
            <a:rPr lang="sq-AL" sz="900" b="1" dirty="0"/>
            <a:t>-rë</a:t>
          </a:r>
          <a:r>
            <a:rPr lang="en-US" sz="900" b="1" dirty="0"/>
            <a:t> </a:t>
          </a:r>
          <a:r>
            <a:rPr lang="sq-AL" sz="900" b="1" dirty="0"/>
            <a:t>korrik</a:t>
          </a:r>
          <a:r>
            <a:rPr lang="mk-MK" sz="900" b="1" dirty="0"/>
            <a:t> 2023</a:t>
          </a:r>
          <a:r>
            <a:rPr lang="en-US" sz="900" b="1" dirty="0"/>
            <a:t>) </a:t>
          </a:r>
        </a:p>
        <a:p>
          <a:pPr algn="ctr"/>
          <a:r>
            <a:rPr lang="en-US" sz="900" b="1" dirty="0">
              <a:solidFill>
                <a:schemeClr val="tx1"/>
              </a:solidFill>
            </a:rPr>
            <a:t>IDENTIFIKIMI DHE PËRSHKRIMI I PROBLEMEVE TË REJA</a:t>
          </a:r>
        </a:p>
      </dgm:t>
    </dgm:pt>
    <dgm:pt modelId="{2F19ABA5-9D53-4C3A-ADCE-40CA57752267}" type="parTrans" cxnId="{2C3E5403-80FE-4A58-851A-2F0560EC1238}">
      <dgm:prSet/>
      <dgm:spPr/>
      <dgm:t>
        <a:bodyPr/>
        <a:lstStyle/>
        <a:p>
          <a:endParaRPr lang="en-US"/>
        </a:p>
      </dgm:t>
    </dgm:pt>
    <dgm:pt modelId="{741C9394-2C32-42B3-8E7C-48B45C0245DD}" type="sibTrans" cxnId="{2C3E5403-80FE-4A58-851A-2F0560EC1238}">
      <dgm:prSet/>
      <dgm:spPr/>
      <dgm:t>
        <a:bodyPr/>
        <a:lstStyle/>
        <a:p>
          <a:endParaRPr lang="en-US"/>
        </a:p>
      </dgm:t>
    </dgm:pt>
    <dgm:pt modelId="{20B5BB19-8777-45A6-8BA0-E6819BC1C7FD}">
      <dgm:prSet phldrT="[Text]" custT="1"/>
      <dgm:spPr/>
      <dgm:t>
        <a:bodyPr/>
        <a:lstStyle/>
        <a:p>
          <a:pPr algn="ctr"/>
          <a:r>
            <a:rPr lang="sq-AL" sz="900" dirty="0"/>
            <a:t>TAKIMI I TRETË</a:t>
          </a:r>
          <a:r>
            <a:rPr lang="en-US" sz="900" dirty="0"/>
            <a:t> </a:t>
          </a:r>
          <a:r>
            <a:rPr lang="en-US" sz="900" b="1" dirty="0"/>
            <a:t>(</a:t>
          </a:r>
          <a:r>
            <a:rPr lang="sq-AL" sz="900" b="1" dirty="0"/>
            <a:t>Java e </a:t>
          </a:r>
          <a:r>
            <a:rPr lang="en-US" sz="900" b="1" dirty="0"/>
            <a:t>IV</a:t>
          </a:r>
          <a:r>
            <a:rPr lang="sq-AL" sz="900" b="1" dirty="0"/>
            <a:t>-të e gushtit </a:t>
          </a:r>
          <a:r>
            <a:rPr lang="mk-MK" sz="900" b="1" dirty="0"/>
            <a:t>2023</a:t>
          </a:r>
          <a:r>
            <a:rPr lang="en-US" sz="900" b="1" dirty="0"/>
            <a:t>) </a:t>
          </a:r>
        </a:p>
        <a:p>
          <a:pPr algn="ctr"/>
          <a:r>
            <a:rPr lang="sq-AL" sz="900" b="1" dirty="0">
              <a:solidFill>
                <a:schemeClr val="tx1"/>
              </a:solidFill>
            </a:rPr>
            <a:t>PËRCAKTIMI</a:t>
          </a:r>
          <a:r>
            <a:rPr lang="en-US" sz="900" b="1" dirty="0">
              <a:solidFill>
                <a:schemeClr val="tx1"/>
              </a:solidFill>
            </a:rPr>
            <a:t> DHE PRIORITIZIMI I ZGJIDHJEVE TË MUNDSHME</a:t>
          </a:r>
        </a:p>
      </dgm:t>
    </dgm:pt>
    <dgm:pt modelId="{69EEC95B-F598-4645-A693-9991D0B0E4A7}" type="parTrans" cxnId="{B599446C-CB50-4849-8FA2-2BE43A8C95D4}">
      <dgm:prSet/>
      <dgm:spPr/>
      <dgm:t>
        <a:bodyPr/>
        <a:lstStyle/>
        <a:p>
          <a:endParaRPr lang="en-US"/>
        </a:p>
      </dgm:t>
    </dgm:pt>
    <dgm:pt modelId="{C10BFEBF-C4D8-4327-A08E-6ABEC764C3DD}" type="sibTrans" cxnId="{B599446C-CB50-4849-8FA2-2BE43A8C95D4}">
      <dgm:prSet/>
      <dgm:spPr/>
      <dgm:t>
        <a:bodyPr/>
        <a:lstStyle/>
        <a:p>
          <a:endParaRPr lang="en-US"/>
        </a:p>
      </dgm:t>
    </dgm:pt>
    <dgm:pt modelId="{DAD7F4CB-0F8C-4271-A072-AEC7AFD47CE0}">
      <dgm:prSet phldrT="[Text]" custT="1"/>
      <dgm:spPr>
        <a:solidFill>
          <a:srgbClr val="B16D9E"/>
        </a:solidFill>
      </dgm:spPr>
      <dgm:t>
        <a:bodyPr/>
        <a:lstStyle/>
        <a:p>
          <a:pPr algn="ctr"/>
          <a:r>
            <a:rPr lang="en-US" sz="900" dirty="0"/>
            <a:t> </a:t>
          </a:r>
          <a:r>
            <a:rPr lang="sq-AL" sz="900" dirty="0"/>
            <a:t>Java e </a:t>
          </a:r>
          <a:r>
            <a:rPr lang="en-US" sz="900" dirty="0"/>
            <a:t>I</a:t>
          </a:r>
          <a:r>
            <a:rPr lang="sq-AL" sz="900" dirty="0"/>
            <a:t>-rë e shtatorit</a:t>
          </a:r>
          <a:r>
            <a:rPr lang="en-US" sz="900" dirty="0"/>
            <a:t> </a:t>
          </a:r>
          <a:r>
            <a:rPr lang="mk-MK" sz="900" dirty="0"/>
            <a:t>2023</a:t>
          </a:r>
          <a:endParaRPr lang="en-US" sz="900" dirty="0"/>
        </a:p>
        <a:p>
          <a:pPr algn="ctr"/>
          <a:r>
            <a:rPr lang="sq-AL" sz="900" b="1" dirty="0">
              <a:solidFill>
                <a:schemeClr val="tx1"/>
              </a:solidFill>
            </a:rPr>
            <a:t>TAKIM I</a:t>
          </a:r>
          <a:r>
            <a:rPr lang="en-US" sz="900" b="1" dirty="0">
              <a:solidFill>
                <a:schemeClr val="tx1"/>
              </a:solidFill>
            </a:rPr>
            <a:t> </a:t>
          </a:r>
          <a:r>
            <a:rPr lang="sq-AL" sz="900" dirty="0">
              <a:solidFill>
                <a:schemeClr val="bg1"/>
              </a:solidFill>
            </a:rPr>
            <a:t>KËSHILLIT</a:t>
          </a:r>
          <a:r>
            <a:rPr lang="en-US" sz="900" dirty="0">
              <a:solidFill>
                <a:schemeClr val="tx1"/>
              </a:solidFill>
            </a:rPr>
            <a:t> </a:t>
          </a:r>
          <a:r>
            <a:rPr lang="sq-AL" sz="900" b="1" dirty="0">
              <a:solidFill>
                <a:schemeClr val="tx1"/>
              </a:solidFill>
            </a:rPr>
            <a:t>MBI PQH-në PËR PRIORETIZIMIN E ANGAZHIMEVE DHE RRADHITJEN  E TYRE SIPAS PRIORITETEVE</a:t>
          </a:r>
          <a:endParaRPr lang="en-US" sz="900" b="1" dirty="0">
            <a:solidFill>
              <a:schemeClr val="tx1"/>
            </a:solidFill>
          </a:endParaRPr>
        </a:p>
      </dgm:t>
    </dgm:pt>
    <dgm:pt modelId="{5F6DAF6C-DDB4-4DDF-8F9F-168210FE3D21}" type="parTrans" cxnId="{A703550A-9FFF-4667-9F68-12F8701F629D}">
      <dgm:prSet/>
      <dgm:spPr/>
      <dgm:t>
        <a:bodyPr/>
        <a:lstStyle/>
        <a:p>
          <a:endParaRPr lang="en-US"/>
        </a:p>
      </dgm:t>
    </dgm:pt>
    <dgm:pt modelId="{AEDCB522-D5E5-44F5-89EB-DDA88A4FB4D9}" type="sibTrans" cxnId="{A703550A-9FFF-4667-9F68-12F8701F629D}">
      <dgm:prSet/>
      <dgm:spPr/>
      <dgm:t>
        <a:bodyPr/>
        <a:lstStyle/>
        <a:p>
          <a:endParaRPr lang="en-US"/>
        </a:p>
      </dgm:t>
    </dgm:pt>
    <dgm:pt modelId="{CAD18049-7F27-4717-92A6-1E6940404459}" type="pres">
      <dgm:prSet presAssocID="{05EDFDF1-BFF2-4E6E-8B55-7EB677EE860E}" presName="theList" presStyleCnt="0">
        <dgm:presLayoutVars>
          <dgm:dir/>
          <dgm:animLvl val="lvl"/>
          <dgm:resizeHandles val="exact"/>
        </dgm:presLayoutVars>
      </dgm:prSet>
      <dgm:spPr/>
    </dgm:pt>
    <dgm:pt modelId="{67B1EAEC-F071-49B6-A7B9-9E30DB14D4AC}" type="pres">
      <dgm:prSet presAssocID="{7D4E39A3-2C82-49DE-AB51-46EEF78AF915}" presName="compNode" presStyleCnt="0"/>
      <dgm:spPr/>
    </dgm:pt>
    <dgm:pt modelId="{D9B1D20D-2282-47E7-8D2C-C9B5F3F731F8}" type="pres">
      <dgm:prSet presAssocID="{7D4E39A3-2C82-49DE-AB51-46EEF78AF915}" presName="aNode" presStyleLbl="bgShp" presStyleIdx="0" presStyleCnt="1" custLinFactNeighborY="0"/>
      <dgm:spPr/>
    </dgm:pt>
    <dgm:pt modelId="{587BA90B-17CB-4C83-8966-44E15F6982B0}" type="pres">
      <dgm:prSet presAssocID="{7D4E39A3-2C82-49DE-AB51-46EEF78AF915}" presName="textNode" presStyleLbl="bgShp" presStyleIdx="0" presStyleCnt="1"/>
      <dgm:spPr/>
    </dgm:pt>
    <dgm:pt modelId="{831C8368-E63D-4DC0-83EB-0A920668B910}" type="pres">
      <dgm:prSet presAssocID="{7D4E39A3-2C82-49DE-AB51-46EEF78AF915}" presName="compChildNode" presStyleCnt="0"/>
      <dgm:spPr/>
    </dgm:pt>
    <dgm:pt modelId="{47CBE384-BC88-455C-8C87-4EE2FD4776EF}" type="pres">
      <dgm:prSet presAssocID="{7D4E39A3-2C82-49DE-AB51-46EEF78AF915}" presName="theInnerList" presStyleCnt="0"/>
      <dgm:spPr/>
    </dgm:pt>
    <dgm:pt modelId="{3874E8DD-5212-4654-82C5-8E06D80595B2}" type="pres">
      <dgm:prSet presAssocID="{428610BE-7CA5-4421-81B6-B75186127841}" presName="childNode" presStyleLbl="node1" presStyleIdx="0" presStyleCnt="6" custScaleX="99270" custScaleY="186127" custLinFactY="-48213" custLinFactNeighborX="0" custLinFactNeighborY="-100000">
        <dgm:presLayoutVars>
          <dgm:bulletEnabled val="1"/>
        </dgm:presLayoutVars>
      </dgm:prSet>
      <dgm:spPr/>
    </dgm:pt>
    <dgm:pt modelId="{4CC78055-D952-49F7-93F8-9BC18F769810}" type="pres">
      <dgm:prSet presAssocID="{428610BE-7CA5-4421-81B6-B75186127841}" presName="aSpace2" presStyleCnt="0"/>
      <dgm:spPr/>
    </dgm:pt>
    <dgm:pt modelId="{D1232BF8-093A-4B03-8FDA-94467AD99259}" type="pres">
      <dgm:prSet presAssocID="{B34D38AB-83F5-41C7-91CE-3911DCA9DCBC}" presName="childNode" presStyleLbl="node1" presStyleIdx="1" presStyleCnt="6" custScaleX="98477" custScaleY="150144" custLinFactY="-28632" custLinFactNeighborY="-100000">
        <dgm:presLayoutVars>
          <dgm:bulletEnabled val="1"/>
        </dgm:presLayoutVars>
      </dgm:prSet>
      <dgm:spPr/>
    </dgm:pt>
    <dgm:pt modelId="{24924098-07C7-4A4E-9413-1E10D6AB278B}" type="pres">
      <dgm:prSet presAssocID="{B34D38AB-83F5-41C7-91CE-3911DCA9DCBC}" presName="aSpace2" presStyleCnt="0"/>
      <dgm:spPr/>
    </dgm:pt>
    <dgm:pt modelId="{09D5EF39-794C-4589-8FDD-E5A0E989D351}" type="pres">
      <dgm:prSet presAssocID="{C00A96B3-C828-483A-8926-6DA0E07A9010}" presName="childNode" presStyleLbl="node1" presStyleIdx="2" presStyleCnt="6" custScaleX="98043" custScaleY="160259" custLinFactY="-27142" custLinFactNeighborX="377" custLinFactNeighborY="-100000">
        <dgm:presLayoutVars>
          <dgm:bulletEnabled val="1"/>
        </dgm:presLayoutVars>
      </dgm:prSet>
      <dgm:spPr/>
    </dgm:pt>
    <dgm:pt modelId="{4198F7EE-4AE3-4442-AEF2-DB3F399CA304}" type="pres">
      <dgm:prSet presAssocID="{C00A96B3-C828-483A-8926-6DA0E07A9010}" presName="aSpace2" presStyleCnt="0"/>
      <dgm:spPr/>
    </dgm:pt>
    <dgm:pt modelId="{A8109909-526D-45CD-8DAA-D7B9B4549A25}" type="pres">
      <dgm:prSet presAssocID="{20B5BB19-8777-45A6-8BA0-E6819BC1C7FD}" presName="childNode" presStyleLbl="node1" presStyleIdx="3" presStyleCnt="6" custScaleX="99667" custScaleY="175751" custLinFactY="-26909" custLinFactNeighborX="-396" custLinFactNeighborY="-100000">
        <dgm:presLayoutVars>
          <dgm:bulletEnabled val="1"/>
        </dgm:presLayoutVars>
      </dgm:prSet>
      <dgm:spPr/>
    </dgm:pt>
    <dgm:pt modelId="{2B64E314-E919-4846-B5F7-B092A8AA6D78}" type="pres">
      <dgm:prSet presAssocID="{20B5BB19-8777-45A6-8BA0-E6819BC1C7FD}" presName="aSpace2" presStyleCnt="0"/>
      <dgm:spPr/>
    </dgm:pt>
    <dgm:pt modelId="{BA7BB1A5-24DC-4A2F-A307-6D1406C86E8A}" type="pres">
      <dgm:prSet presAssocID="{DAD7F4CB-0F8C-4271-A072-AEC7AFD47CE0}" presName="childNode" presStyleLbl="node1" presStyleIdx="4" presStyleCnt="6" custScaleY="233865" custLinFactY="-29661" custLinFactNeighborY="-100000">
        <dgm:presLayoutVars>
          <dgm:bulletEnabled val="1"/>
        </dgm:presLayoutVars>
      </dgm:prSet>
      <dgm:spPr/>
    </dgm:pt>
    <dgm:pt modelId="{C19BEEA5-D2BA-40A9-ACDD-F902BEDC1210}" type="pres">
      <dgm:prSet presAssocID="{DAD7F4CB-0F8C-4271-A072-AEC7AFD47CE0}" presName="aSpace2" presStyleCnt="0"/>
      <dgm:spPr/>
    </dgm:pt>
    <dgm:pt modelId="{A5ADA1C2-04F4-434A-B283-8B44FAD5372B}" type="pres">
      <dgm:prSet presAssocID="{7C943F90-948A-4610-A142-AF81B19515D1}" presName="childNode" presStyleLbl="node1" presStyleIdx="5" presStyleCnt="6" custScaleX="101215" custScaleY="283586" custLinFactY="-11855" custLinFactNeighborY="-100000">
        <dgm:presLayoutVars>
          <dgm:bulletEnabled val="1"/>
        </dgm:presLayoutVars>
      </dgm:prSet>
      <dgm:spPr/>
    </dgm:pt>
  </dgm:ptLst>
  <dgm:cxnLst>
    <dgm:cxn modelId="{2C3E5403-80FE-4A58-851A-2F0560EC1238}" srcId="{7D4E39A3-2C82-49DE-AB51-46EEF78AF915}" destId="{B34D38AB-83F5-41C7-91CE-3911DCA9DCBC}" srcOrd="1" destOrd="0" parTransId="{2F19ABA5-9D53-4C3A-ADCE-40CA57752267}" sibTransId="{741C9394-2C32-42B3-8E7C-48B45C0245DD}"/>
    <dgm:cxn modelId="{A703550A-9FFF-4667-9F68-12F8701F629D}" srcId="{7D4E39A3-2C82-49DE-AB51-46EEF78AF915}" destId="{DAD7F4CB-0F8C-4271-A072-AEC7AFD47CE0}" srcOrd="4" destOrd="0" parTransId="{5F6DAF6C-DDB4-4DDF-8F9F-168210FE3D21}" sibTransId="{AEDCB522-D5E5-44F5-89EB-DDA88A4FB4D9}"/>
    <dgm:cxn modelId="{57BA400D-C23C-4BBC-9873-92DF137249D9}" type="presOf" srcId="{7D4E39A3-2C82-49DE-AB51-46EEF78AF915}" destId="{D9B1D20D-2282-47E7-8D2C-C9B5F3F731F8}" srcOrd="0" destOrd="0" presId="urn:microsoft.com/office/officeart/2005/8/layout/lProcess2"/>
    <dgm:cxn modelId="{1E13D846-5D0C-44E9-A6CC-69947E26B6AC}" type="presOf" srcId="{20B5BB19-8777-45A6-8BA0-E6819BC1C7FD}" destId="{A8109909-526D-45CD-8DAA-D7B9B4549A25}" srcOrd="0" destOrd="0" presId="urn:microsoft.com/office/officeart/2005/8/layout/lProcess2"/>
    <dgm:cxn modelId="{B599446C-CB50-4849-8FA2-2BE43A8C95D4}" srcId="{7D4E39A3-2C82-49DE-AB51-46EEF78AF915}" destId="{20B5BB19-8777-45A6-8BA0-E6819BC1C7FD}" srcOrd="3" destOrd="0" parTransId="{69EEC95B-F598-4645-A693-9991D0B0E4A7}" sibTransId="{C10BFEBF-C4D8-4327-A08E-6ABEC764C3DD}"/>
    <dgm:cxn modelId="{900FA371-D062-4D19-B00E-6640A897CC01}" srcId="{05EDFDF1-BFF2-4E6E-8B55-7EB677EE860E}" destId="{7D4E39A3-2C82-49DE-AB51-46EEF78AF915}" srcOrd="0" destOrd="0" parTransId="{5BD11FBE-114C-4D23-87F7-34669AE82273}" sibTransId="{40839B3A-D89E-4438-AC0E-D0390DFDDA5E}"/>
    <dgm:cxn modelId="{3AD0318F-2E6D-4AFC-B129-14E8C67B52E9}" type="presOf" srcId="{C00A96B3-C828-483A-8926-6DA0E07A9010}" destId="{09D5EF39-794C-4589-8FDD-E5A0E989D351}" srcOrd="0" destOrd="0" presId="urn:microsoft.com/office/officeart/2005/8/layout/lProcess2"/>
    <dgm:cxn modelId="{4CE0669F-B49B-4EA9-A1B2-D0E973B0E3E6}" type="presOf" srcId="{DAD7F4CB-0F8C-4271-A072-AEC7AFD47CE0}" destId="{BA7BB1A5-24DC-4A2F-A307-6D1406C86E8A}" srcOrd="0" destOrd="0" presId="urn:microsoft.com/office/officeart/2005/8/layout/lProcess2"/>
    <dgm:cxn modelId="{8580C2A8-3FEE-4A95-94F9-790C69AED8EC}" type="presOf" srcId="{B34D38AB-83F5-41C7-91CE-3911DCA9DCBC}" destId="{D1232BF8-093A-4B03-8FDA-94467AD99259}" srcOrd="0" destOrd="0" presId="urn:microsoft.com/office/officeart/2005/8/layout/lProcess2"/>
    <dgm:cxn modelId="{3201F2A9-394E-445C-A1EE-D2F77ACB34E6}" type="presOf" srcId="{7C943F90-948A-4610-A142-AF81B19515D1}" destId="{A5ADA1C2-04F4-434A-B283-8B44FAD5372B}" srcOrd="0" destOrd="0" presId="urn:microsoft.com/office/officeart/2005/8/layout/lProcess2"/>
    <dgm:cxn modelId="{E8ED27AC-463D-4C90-9BF8-781284D288BC}" srcId="{7D4E39A3-2C82-49DE-AB51-46EEF78AF915}" destId="{428610BE-7CA5-4421-81B6-B75186127841}" srcOrd="0" destOrd="0" parTransId="{6216B3EC-AD2B-40D6-BEB1-3B63838DCCC7}" sibTransId="{51AA294D-839F-4DB6-9B3B-3D7FD6D895B4}"/>
    <dgm:cxn modelId="{DCAD87CA-9AFE-47F7-8CAE-EA031DE64D10}" srcId="{7D4E39A3-2C82-49DE-AB51-46EEF78AF915}" destId="{7C943F90-948A-4610-A142-AF81B19515D1}" srcOrd="5" destOrd="0" parTransId="{52FDBFC5-1659-439E-91BF-B2F1E8B86D03}" sibTransId="{4DA5853A-4620-4A1D-9C10-EFDBDE5A4AE1}"/>
    <dgm:cxn modelId="{C7AACCDD-313F-4865-BE37-BBD4950F1172}" type="presOf" srcId="{428610BE-7CA5-4421-81B6-B75186127841}" destId="{3874E8DD-5212-4654-82C5-8E06D80595B2}" srcOrd="0" destOrd="0" presId="urn:microsoft.com/office/officeart/2005/8/layout/lProcess2"/>
    <dgm:cxn modelId="{E09467E3-A10C-4FF7-84E2-5CC985D88879}" type="presOf" srcId="{05EDFDF1-BFF2-4E6E-8B55-7EB677EE860E}" destId="{CAD18049-7F27-4717-92A6-1E6940404459}" srcOrd="0" destOrd="0" presId="urn:microsoft.com/office/officeart/2005/8/layout/lProcess2"/>
    <dgm:cxn modelId="{D317F7F0-937F-4D3F-BF68-41860E334B07}" type="presOf" srcId="{7D4E39A3-2C82-49DE-AB51-46EEF78AF915}" destId="{587BA90B-17CB-4C83-8966-44E15F6982B0}" srcOrd="1" destOrd="0" presId="urn:microsoft.com/office/officeart/2005/8/layout/lProcess2"/>
    <dgm:cxn modelId="{6A331EF7-8EC9-4CB6-8517-7C8A964D1F7A}" srcId="{7D4E39A3-2C82-49DE-AB51-46EEF78AF915}" destId="{C00A96B3-C828-483A-8926-6DA0E07A9010}" srcOrd="2" destOrd="0" parTransId="{828DFEA5-3986-415E-AB64-09BC839949D1}" sibTransId="{15BE1EAD-CA5D-4A1D-A701-5985281F247C}"/>
    <dgm:cxn modelId="{9EB97155-C8BF-4464-9C52-91099FC9573B}" type="presParOf" srcId="{CAD18049-7F27-4717-92A6-1E6940404459}" destId="{67B1EAEC-F071-49B6-A7B9-9E30DB14D4AC}" srcOrd="0" destOrd="0" presId="urn:microsoft.com/office/officeart/2005/8/layout/lProcess2"/>
    <dgm:cxn modelId="{B8090B51-EC92-40B0-A2EA-E60ABA443EA0}" type="presParOf" srcId="{67B1EAEC-F071-49B6-A7B9-9E30DB14D4AC}" destId="{D9B1D20D-2282-47E7-8D2C-C9B5F3F731F8}" srcOrd="0" destOrd="0" presId="urn:microsoft.com/office/officeart/2005/8/layout/lProcess2"/>
    <dgm:cxn modelId="{FBD8A75E-C4F3-4379-9EEA-53FD3C278F0B}" type="presParOf" srcId="{67B1EAEC-F071-49B6-A7B9-9E30DB14D4AC}" destId="{587BA90B-17CB-4C83-8966-44E15F6982B0}" srcOrd="1" destOrd="0" presId="urn:microsoft.com/office/officeart/2005/8/layout/lProcess2"/>
    <dgm:cxn modelId="{526D5EE9-B931-4F83-BE4B-A2A0F2330981}" type="presParOf" srcId="{67B1EAEC-F071-49B6-A7B9-9E30DB14D4AC}" destId="{831C8368-E63D-4DC0-83EB-0A920668B910}" srcOrd="2" destOrd="0" presId="urn:microsoft.com/office/officeart/2005/8/layout/lProcess2"/>
    <dgm:cxn modelId="{CBCBFFEC-7B1E-4964-948D-2432BEF69398}" type="presParOf" srcId="{831C8368-E63D-4DC0-83EB-0A920668B910}" destId="{47CBE384-BC88-455C-8C87-4EE2FD4776EF}" srcOrd="0" destOrd="0" presId="urn:microsoft.com/office/officeart/2005/8/layout/lProcess2"/>
    <dgm:cxn modelId="{ECF82729-E374-4408-A89F-558397A5C0CA}" type="presParOf" srcId="{47CBE384-BC88-455C-8C87-4EE2FD4776EF}" destId="{3874E8DD-5212-4654-82C5-8E06D80595B2}" srcOrd="0" destOrd="0" presId="urn:microsoft.com/office/officeart/2005/8/layout/lProcess2"/>
    <dgm:cxn modelId="{4D7535F8-8423-4BD5-982A-9B07685ABB48}" type="presParOf" srcId="{47CBE384-BC88-455C-8C87-4EE2FD4776EF}" destId="{4CC78055-D952-49F7-93F8-9BC18F769810}" srcOrd="1" destOrd="0" presId="urn:microsoft.com/office/officeart/2005/8/layout/lProcess2"/>
    <dgm:cxn modelId="{08C1F60F-4EDA-4CD5-BE3B-A0A93FF1CCEB}" type="presParOf" srcId="{47CBE384-BC88-455C-8C87-4EE2FD4776EF}" destId="{D1232BF8-093A-4B03-8FDA-94467AD99259}" srcOrd="2" destOrd="0" presId="urn:microsoft.com/office/officeart/2005/8/layout/lProcess2"/>
    <dgm:cxn modelId="{63DFF0BD-09C3-4270-9179-FF68BEC85BE5}" type="presParOf" srcId="{47CBE384-BC88-455C-8C87-4EE2FD4776EF}" destId="{24924098-07C7-4A4E-9413-1E10D6AB278B}" srcOrd="3" destOrd="0" presId="urn:microsoft.com/office/officeart/2005/8/layout/lProcess2"/>
    <dgm:cxn modelId="{C32C430E-0ED4-42F0-907F-2F6C1D091065}" type="presParOf" srcId="{47CBE384-BC88-455C-8C87-4EE2FD4776EF}" destId="{09D5EF39-794C-4589-8FDD-E5A0E989D351}" srcOrd="4" destOrd="0" presId="urn:microsoft.com/office/officeart/2005/8/layout/lProcess2"/>
    <dgm:cxn modelId="{A990FF56-80AD-44A2-B77B-CBFA2F7DE825}" type="presParOf" srcId="{47CBE384-BC88-455C-8C87-4EE2FD4776EF}" destId="{4198F7EE-4AE3-4442-AEF2-DB3F399CA304}" srcOrd="5" destOrd="0" presId="urn:microsoft.com/office/officeart/2005/8/layout/lProcess2"/>
    <dgm:cxn modelId="{58EBD23D-EC19-440C-9C63-BB674712A401}" type="presParOf" srcId="{47CBE384-BC88-455C-8C87-4EE2FD4776EF}" destId="{A8109909-526D-45CD-8DAA-D7B9B4549A25}" srcOrd="6" destOrd="0" presId="urn:microsoft.com/office/officeart/2005/8/layout/lProcess2"/>
    <dgm:cxn modelId="{60FB605C-07F9-4448-96BA-06338957AF8D}" type="presParOf" srcId="{47CBE384-BC88-455C-8C87-4EE2FD4776EF}" destId="{2B64E314-E919-4846-B5F7-B092A8AA6D78}" srcOrd="7" destOrd="0" presId="urn:microsoft.com/office/officeart/2005/8/layout/lProcess2"/>
    <dgm:cxn modelId="{86EA5B0B-EE67-4336-9536-76B6361496C9}" type="presParOf" srcId="{47CBE384-BC88-455C-8C87-4EE2FD4776EF}" destId="{BA7BB1A5-24DC-4A2F-A307-6D1406C86E8A}" srcOrd="8" destOrd="0" presId="urn:microsoft.com/office/officeart/2005/8/layout/lProcess2"/>
    <dgm:cxn modelId="{2575FD14-0D60-4B12-9DA1-CEE61A185E0D}" type="presParOf" srcId="{47CBE384-BC88-455C-8C87-4EE2FD4776EF}" destId="{C19BEEA5-D2BA-40A9-ACDD-F902BEDC1210}" srcOrd="9" destOrd="0" presId="urn:microsoft.com/office/officeart/2005/8/layout/lProcess2"/>
    <dgm:cxn modelId="{35A37627-DB40-4FBB-A83A-F15729ABAD8D}" type="presParOf" srcId="{47CBE384-BC88-455C-8C87-4EE2FD4776EF}" destId="{A5ADA1C2-04F4-434A-B283-8B44FAD5372B}" srcOrd="1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5EDFDF1-BFF2-4E6E-8B55-7EB677EE860E}" type="doc">
      <dgm:prSet loTypeId="urn:microsoft.com/office/officeart/2005/8/layout/lProcess2" loCatId="list" qsTypeId="urn:microsoft.com/office/officeart/2005/8/quickstyle/simple1#3" qsCatId="simple" csTypeId="urn:microsoft.com/office/officeart/2005/8/colors/colorful5#2" csCatId="colorful" phldr="1"/>
      <dgm:spPr/>
      <dgm:t>
        <a:bodyPr/>
        <a:lstStyle/>
        <a:p>
          <a:endParaRPr lang="en-US"/>
        </a:p>
      </dgm:t>
    </dgm:pt>
    <dgm:pt modelId="{7D4E39A3-2C82-49DE-AB51-46EEF78AF915}">
      <dgm:prSet phldrT="[Text]" custT="1"/>
      <dgm:spPr/>
      <dgm:t>
        <a:bodyPr/>
        <a:lstStyle/>
        <a:p>
          <a:r>
            <a:rPr lang="sq-AL" sz="1600" b="1" dirty="0"/>
            <a:t>DORËZIMI I PROPOZIM-ANGAZHIMEVE</a:t>
          </a:r>
          <a:endParaRPr lang="en-US" sz="1600" b="1" dirty="0"/>
        </a:p>
      </dgm:t>
    </dgm:pt>
    <dgm:pt modelId="{5BD11FBE-114C-4D23-87F7-34669AE82273}" type="parTrans" cxnId="{900FA371-D062-4D19-B00E-6640A897CC01}">
      <dgm:prSet/>
      <dgm:spPr/>
      <dgm:t>
        <a:bodyPr/>
        <a:lstStyle/>
        <a:p>
          <a:endParaRPr lang="en-US"/>
        </a:p>
      </dgm:t>
    </dgm:pt>
    <dgm:pt modelId="{40839B3A-D89E-4438-AC0E-D0390DFDDA5E}" type="sibTrans" cxnId="{900FA371-D062-4D19-B00E-6640A897CC01}">
      <dgm:prSet/>
      <dgm:spPr/>
      <dgm:t>
        <a:bodyPr/>
        <a:lstStyle/>
        <a:p>
          <a:endParaRPr lang="en-US"/>
        </a:p>
      </dgm:t>
    </dgm:pt>
    <dgm:pt modelId="{428610BE-7CA5-4421-81B6-B75186127841}">
      <dgm:prSet phldrT="[Text]" custT="1"/>
      <dgm:spPr/>
      <dgm:t>
        <a:bodyPr/>
        <a:lstStyle/>
        <a:p>
          <a:r>
            <a:rPr lang="sq-AL" sz="1100" b="1" dirty="0"/>
            <a:t>Java e </a:t>
          </a:r>
          <a:r>
            <a:rPr lang="en-US" sz="1100" b="1" dirty="0"/>
            <a:t>IV</a:t>
          </a:r>
          <a:r>
            <a:rPr lang="sq-AL" sz="1100" b="1" dirty="0"/>
            <a:t>-të e shtatorit</a:t>
          </a:r>
          <a:r>
            <a:rPr lang="mk-MK" sz="1100" b="1" dirty="0"/>
            <a:t> 2023</a:t>
          </a:r>
          <a:endParaRPr lang="en-US" sz="1100" b="1" dirty="0"/>
        </a:p>
        <a:p>
          <a:r>
            <a:rPr lang="en-US" sz="1100" b="1" dirty="0" err="1">
              <a:solidFill>
                <a:schemeClr val="tx1"/>
              </a:solidFill>
            </a:rPr>
            <a:t>Dorëzimi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i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propozim</a:t>
          </a:r>
          <a:r>
            <a:rPr lang="sq-AL" sz="1100" b="1" dirty="0">
              <a:solidFill>
                <a:schemeClr val="tx1"/>
              </a:solidFill>
            </a:rPr>
            <a:t>-</a:t>
          </a:r>
          <a:r>
            <a:rPr lang="en-US" sz="1100" b="1" dirty="0" err="1">
              <a:solidFill>
                <a:schemeClr val="tx1"/>
              </a:solidFill>
            </a:rPr>
            <a:t>angazhi</a:t>
          </a:r>
          <a:r>
            <a:rPr lang="sq-AL" sz="1100" b="1" dirty="0">
              <a:solidFill>
                <a:schemeClr val="tx1"/>
              </a:solidFill>
            </a:rPr>
            <a:t>meve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në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Këshillin</a:t>
          </a:r>
          <a:r>
            <a:rPr lang="en-US" sz="1100" b="1" dirty="0">
              <a:solidFill>
                <a:schemeClr val="tx1"/>
              </a:solidFill>
            </a:rPr>
            <a:t> e P</a:t>
          </a:r>
          <a:r>
            <a:rPr lang="sq-AL" sz="1100" b="1" dirty="0">
              <a:solidFill>
                <a:schemeClr val="tx1"/>
              </a:solidFill>
            </a:rPr>
            <a:t>QH</a:t>
          </a:r>
          <a:r>
            <a:rPr lang="en-US" sz="1100" b="1" dirty="0">
              <a:solidFill>
                <a:schemeClr val="tx1"/>
              </a:solidFill>
            </a:rPr>
            <a:t>-</a:t>
          </a:r>
          <a:r>
            <a:rPr lang="en-US" sz="1100" b="1" dirty="0" err="1">
              <a:solidFill>
                <a:schemeClr val="tx1"/>
              </a:solidFill>
            </a:rPr>
            <a:t>së</a:t>
          </a:r>
          <a:endParaRPr lang="en-US" sz="1100" b="1" dirty="0">
            <a:solidFill>
              <a:schemeClr val="tx1"/>
            </a:solidFill>
          </a:endParaRPr>
        </a:p>
      </dgm:t>
    </dgm:pt>
    <dgm:pt modelId="{6216B3EC-AD2B-40D6-BEB1-3B63838DCCC7}" type="parTrans" cxnId="{E8ED27AC-463D-4C90-9BF8-781284D288BC}">
      <dgm:prSet/>
      <dgm:spPr/>
      <dgm:t>
        <a:bodyPr/>
        <a:lstStyle/>
        <a:p>
          <a:endParaRPr lang="en-US"/>
        </a:p>
      </dgm:t>
    </dgm:pt>
    <dgm:pt modelId="{51AA294D-839F-4DB6-9B3B-3D7FD6D895B4}" type="sibTrans" cxnId="{E8ED27AC-463D-4C90-9BF8-781284D288BC}">
      <dgm:prSet/>
      <dgm:spPr/>
      <dgm:t>
        <a:bodyPr/>
        <a:lstStyle/>
        <a:p>
          <a:endParaRPr lang="en-US"/>
        </a:p>
      </dgm:t>
    </dgm:pt>
    <dgm:pt modelId="{7C943F90-948A-4610-A142-AF81B19515D1}">
      <dgm:prSet phldrT="[Text]" custT="1"/>
      <dgm:spPr/>
      <dgm:t>
        <a:bodyPr/>
        <a:lstStyle/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sq-AL" sz="1100" b="1" dirty="0"/>
            <a:t>Java e </a:t>
          </a:r>
          <a:r>
            <a:rPr lang="en-US" sz="1100" b="1" dirty="0"/>
            <a:t>II</a:t>
          </a:r>
          <a:r>
            <a:rPr lang="sq-AL" sz="1100" b="1" dirty="0"/>
            <a:t>-të e tetorit </a:t>
          </a:r>
          <a:r>
            <a:rPr lang="mk-MK" sz="1100" b="1" dirty="0"/>
            <a:t>2023</a:t>
          </a:r>
          <a:endParaRPr lang="en-US" sz="1100" b="1" dirty="0"/>
        </a:p>
        <a:p>
          <a:pPr marL="0" marR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</a:pPr>
          <a:r>
            <a:rPr lang="en-US" sz="1100" b="1" dirty="0" err="1">
              <a:solidFill>
                <a:schemeClr val="tx1"/>
              </a:solidFill>
            </a:rPr>
            <a:t>Përcaktimi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i</a:t>
          </a:r>
          <a:r>
            <a:rPr lang="en-US" sz="1100" b="1" dirty="0">
              <a:solidFill>
                <a:schemeClr val="tx1"/>
              </a:solidFill>
            </a:rPr>
            <a:t> draft-PA </a:t>
          </a:r>
          <a:r>
            <a:rPr lang="en-US" sz="1100" b="1" dirty="0" err="1">
              <a:solidFill>
                <a:schemeClr val="tx1"/>
              </a:solidFill>
            </a:rPr>
            <a:t>për</a:t>
          </a:r>
          <a:r>
            <a:rPr lang="en-US" sz="1100" b="1" dirty="0">
              <a:solidFill>
                <a:schemeClr val="tx1"/>
              </a:solidFill>
            </a:rPr>
            <a:t> PQH-</a:t>
          </a:r>
          <a:r>
            <a:rPr lang="en-US" sz="1100" b="1" dirty="0" err="1">
              <a:solidFill>
                <a:schemeClr val="tx1"/>
              </a:solidFill>
            </a:rPr>
            <a:t>në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nga</a:t>
          </a:r>
          <a:r>
            <a:rPr lang="en-US" sz="1100" b="1" dirty="0">
              <a:solidFill>
                <a:schemeClr val="tx1"/>
              </a:solidFill>
            </a:rPr>
            <a:t> ana e </a:t>
          </a:r>
          <a:r>
            <a:rPr lang="en-US" sz="1100" b="1" dirty="0" err="1">
              <a:solidFill>
                <a:schemeClr val="tx1"/>
              </a:solidFill>
            </a:rPr>
            <a:t>Këshillit</a:t>
          </a:r>
          <a:r>
            <a:rPr lang="en-US" sz="1100" b="1" dirty="0">
              <a:solidFill>
                <a:schemeClr val="tx1"/>
              </a:solidFill>
            </a:rPr>
            <a:t> </a:t>
          </a:r>
          <a:r>
            <a:rPr lang="en-US" sz="1100" b="1" dirty="0" err="1">
              <a:solidFill>
                <a:schemeClr val="tx1"/>
              </a:solidFill>
            </a:rPr>
            <a:t>mbi</a:t>
          </a:r>
          <a:r>
            <a:rPr lang="en-US" sz="1100" b="1" dirty="0">
              <a:solidFill>
                <a:schemeClr val="tx1"/>
              </a:solidFill>
            </a:rPr>
            <a:t> PQH-</a:t>
          </a:r>
          <a:r>
            <a:rPr lang="en-US" sz="1100" b="1" dirty="0" err="1">
              <a:solidFill>
                <a:schemeClr val="tx1"/>
              </a:solidFill>
            </a:rPr>
            <a:t>në</a:t>
          </a:r>
          <a:endParaRPr lang="en-US" sz="1100" b="1" dirty="0">
            <a:solidFill>
              <a:schemeClr val="tx1"/>
            </a:solidFill>
          </a:endParaRPr>
        </a:p>
      </dgm:t>
    </dgm:pt>
    <dgm:pt modelId="{52FDBFC5-1659-439E-91BF-B2F1E8B86D03}" type="parTrans" cxnId="{DCAD87CA-9AFE-47F7-8CAE-EA031DE64D10}">
      <dgm:prSet/>
      <dgm:spPr/>
      <dgm:t>
        <a:bodyPr/>
        <a:lstStyle/>
        <a:p>
          <a:endParaRPr lang="en-US"/>
        </a:p>
      </dgm:t>
    </dgm:pt>
    <dgm:pt modelId="{4DA5853A-4620-4A1D-9C10-EFDBDE5A4AE1}" type="sibTrans" cxnId="{DCAD87CA-9AFE-47F7-8CAE-EA031DE64D10}">
      <dgm:prSet/>
      <dgm:spPr/>
      <dgm:t>
        <a:bodyPr/>
        <a:lstStyle/>
        <a:p>
          <a:endParaRPr lang="en-US"/>
        </a:p>
      </dgm:t>
    </dgm:pt>
    <dgm:pt modelId="{EBA93529-2716-49EB-BF10-20C9C4D53B91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sq-AL" b="1" dirty="0"/>
            <a:t>Java e </a:t>
          </a:r>
          <a:r>
            <a:rPr lang="en-US" b="1" dirty="0"/>
            <a:t>III</a:t>
          </a:r>
          <a:r>
            <a:rPr lang="sq-AL" b="1" dirty="0"/>
            <a:t>-të</a:t>
          </a:r>
          <a:r>
            <a:rPr lang="en-US" b="1" dirty="0"/>
            <a:t> </a:t>
          </a:r>
          <a:r>
            <a:rPr lang="sq-AL" b="1" dirty="0"/>
            <a:t> e tetorit</a:t>
          </a:r>
          <a:r>
            <a:rPr lang="en-US" b="1" dirty="0"/>
            <a:t> 202</a:t>
          </a:r>
          <a:r>
            <a:rPr lang="mk-MK" b="1" dirty="0"/>
            <a:t>3</a:t>
          </a:r>
          <a:endParaRPr lang="en-US" b="1" dirty="0"/>
        </a:p>
        <a:p>
          <a:pPr marR="0" eaLnBrk="1" fontAlgn="auto" latinLnBrk="0" hangingPunct="1">
            <a:buClrTx/>
            <a:buSzTx/>
            <a:buFontTx/>
          </a:pPr>
          <a:r>
            <a:rPr lang="en-US" b="1" dirty="0" err="1">
              <a:solidFill>
                <a:schemeClr val="tx1"/>
              </a:solidFill>
            </a:rPr>
            <a:t>Konsultimi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i</a:t>
          </a:r>
          <a:r>
            <a:rPr lang="en-US" b="1" dirty="0">
              <a:solidFill>
                <a:schemeClr val="tx1"/>
              </a:solidFill>
            </a:rPr>
            <a:t> draft-AP </a:t>
          </a:r>
          <a:r>
            <a:rPr lang="en-US" b="1" dirty="0" err="1">
              <a:solidFill>
                <a:schemeClr val="tx1"/>
              </a:solidFill>
            </a:rPr>
            <a:t>mbi</a:t>
          </a:r>
          <a:r>
            <a:rPr lang="en-US" b="1" dirty="0">
              <a:solidFill>
                <a:schemeClr val="tx1"/>
              </a:solidFill>
            </a:rPr>
            <a:t> PQH-</a:t>
          </a:r>
          <a:r>
            <a:rPr lang="en-US" b="1" dirty="0" err="1">
              <a:solidFill>
                <a:schemeClr val="tx1"/>
              </a:solidFill>
            </a:rPr>
            <a:t>në</a:t>
          </a:r>
          <a:endParaRPr lang="en-US" b="1" dirty="0">
            <a:solidFill>
              <a:schemeClr val="tx1"/>
            </a:solidFill>
          </a:endParaRPr>
        </a:p>
      </dgm:t>
    </dgm:pt>
    <dgm:pt modelId="{DCEFC518-0B63-4306-BE46-F4D41AD3A9C4}" type="parTrans" cxnId="{7AF99BE7-9457-486E-97FA-701C84806CCF}">
      <dgm:prSet/>
      <dgm:spPr/>
      <dgm:t>
        <a:bodyPr/>
        <a:lstStyle/>
        <a:p>
          <a:endParaRPr lang="en-US"/>
        </a:p>
      </dgm:t>
    </dgm:pt>
    <dgm:pt modelId="{84EC9122-C587-4B84-9CD2-FEC4C0A52938}" type="sibTrans" cxnId="{7AF99BE7-9457-486E-97FA-701C84806CCF}">
      <dgm:prSet/>
      <dgm:spPr/>
      <dgm:t>
        <a:bodyPr/>
        <a:lstStyle/>
        <a:p>
          <a:endParaRPr lang="en-US"/>
        </a:p>
      </dgm:t>
    </dgm:pt>
    <dgm:pt modelId="{33F82705-14C3-47F8-A060-6955A2940838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sq-AL" b="1" dirty="0"/>
            <a:t>Java e I-rë e nëntorit</a:t>
          </a:r>
          <a:r>
            <a:rPr lang="en-US" b="1" dirty="0"/>
            <a:t> 202</a:t>
          </a:r>
          <a:r>
            <a:rPr lang="mk-MK" b="1" dirty="0"/>
            <a:t>3</a:t>
          </a:r>
          <a:r>
            <a:rPr lang="en-US" b="1" dirty="0"/>
            <a:t> </a:t>
          </a:r>
        </a:p>
        <a:p>
          <a:pPr marR="0" eaLnBrk="1" fontAlgn="auto" latinLnBrk="0" hangingPunct="1">
            <a:buClrTx/>
            <a:buSzTx/>
            <a:buFontTx/>
          </a:pPr>
          <a:r>
            <a:rPr lang="sq-AL" dirty="0">
              <a:solidFill>
                <a:schemeClr val="tx1"/>
              </a:solidFill>
            </a:rPr>
            <a:t>Ngjarje publike</a:t>
          </a:r>
          <a:endParaRPr lang="en-US" dirty="0">
            <a:solidFill>
              <a:schemeClr val="tx1"/>
            </a:solidFill>
          </a:endParaRPr>
        </a:p>
      </dgm:t>
    </dgm:pt>
    <dgm:pt modelId="{F2D1F609-A520-4F1C-8439-FD1108599EDA}" type="parTrans" cxnId="{7089831E-6168-427D-B93B-38EBE2798CCD}">
      <dgm:prSet/>
      <dgm:spPr/>
      <dgm:t>
        <a:bodyPr/>
        <a:lstStyle/>
        <a:p>
          <a:endParaRPr lang="en-US"/>
        </a:p>
      </dgm:t>
    </dgm:pt>
    <dgm:pt modelId="{33CA3798-5E13-42B2-9172-27F7844F0831}" type="sibTrans" cxnId="{7089831E-6168-427D-B93B-38EBE2798CCD}">
      <dgm:prSet/>
      <dgm:spPr/>
      <dgm:t>
        <a:bodyPr/>
        <a:lstStyle/>
        <a:p>
          <a:endParaRPr lang="en-US"/>
        </a:p>
      </dgm:t>
    </dgm:pt>
    <dgm:pt modelId="{DCDABF24-5E63-49C5-B67A-5866FD55764D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sq-AL" b="1" dirty="0"/>
            <a:t>Java e </a:t>
          </a:r>
          <a:r>
            <a:rPr lang="en-US" b="1" dirty="0"/>
            <a:t>III </a:t>
          </a:r>
          <a:r>
            <a:rPr lang="sq-AL" b="1" dirty="0"/>
            <a:t>–të e nëntorit </a:t>
          </a:r>
          <a:r>
            <a:rPr lang="mk-MK" b="1" dirty="0"/>
            <a:t>2023</a:t>
          </a:r>
          <a:endParaRPr lang="en-US" b="1" dirty="0"/>
        </a:p>
        <a:p>
          <a:pPr marR="0" eaLnBrk="1" fontAlgn="auto" latinLnBrk="0" hangingPunct="1">
            <a:buClrTx/>
            <a:buSzTx/>
            <a:buFontTx/>
          </a:pPr>
          <a:r>
            <a:rPr lang="en-US" b="1" dirty="0" err="1">
              <a:solidFill>
                <a:schemeClr val="tx1"/>
              </a:solidFill>
            </a:rPr>
            <a:t>Përcaktimi</a:t>
          </a:r>
          <a:r>
            <a:rPr lang="en-US" b="1" dirty="0">
              <a:solidFill>
                <a:schemeClr val="tx1"/>
              </a:solidFill>
            </a:rPr>
            <a:t> FINAL </a:t>
          </a:r>
          <a:r>
            <a:rPr lang="en-US" b="1" dirty="0" err="1">
              <a:solidFill>
                <a:schemeClr val="tx1"/>
              </a:solidFill>
            </a:rPr>
            <a:t>i</a:t>
          </a:r>
          <a:r>
            <a:rPr lang="en-US" b="1" dirty="0">
              <a:solidFill>
                <a:schemeClr val="tx1"/>
              </a:solidFill>
            </a:rPr>
            <a:t> PA</a:t>
          </a:r>
          <a:r>
            <a:rPr lang="sq-AL" b="1">
              <a:solidFill>
                <a:schemeClr val="tx1"/>
              </a:solidFill>
            </a:rPr>
            <a:t>-së</a:t>
          </a:r>
          <a:r>
            <a:rPr lang="en-US" b="1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mbi</a:t>
          </a:r>
          <a:r>
            <a:rPr lang="en-US" b="1" dirty="0">
              <a:solidFill>
                <a:schemeClr val="tx1"/>
              </a:solidFill>
            </a:rPr>
            <a:t> PQH-</a:t>
          </a:r>
          <a:r>
            <a:rPr lang="en-US" b="1" dirty="0" err="1">
              <a:solidFill>
                <a:schemeClr val="tx1"/>
              </a:solidFill>
            </a:rPr>
            <a:t>në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nga</a:t>
          </a:r>
          <a:r>
            <a:rPr lang="en-US" b="1" dirty="0">
              <a:solidFill>
                <a:schemeClr val="tx1"/>
              </a:solidFill>
            </a:rPr>
            <a:t> ana e </a:t>
          </a:r>
          <a:r>
            <a:rPr lang="en-US" b="1" dirty="0" err="1">
              <a:solidFill>
                <a:schemeClr val="tx1"/>
              </a:solidFill>
            </a:rPr>
            <a:t>Këshillit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mbi</a:t>
          </a:r>
          <a:r>
            <a:rPr lang="en-US" b="1" dirty="0">
              <a:solidFill>
                <a:schemeClr val="tx1"/>
              </a:solidFill>
            </a:rPr>
            <a:t> PQH-</a:t>
          </a:r>
          <a:r>
            <a:rPr lang="en-US" b="1" dirty="0" err="1">
              <a:solidFill>
                <a:schemeClr val="tx1"/>
              </a:solidFill>
            </a:rPr>
            <a:t>në</a:t>
          </a:r>
          <a:endParaRPr lang="en-US" b="1" dirty="0">
            <a:solidFill>
              <a:schemeClr val="tx1"/>
            </a:solidFill>
          </a:endParaRPr>
        </a:p>
      </dgm:t>
    </dgm:pt>
    <dgm:pt modelId="{476D9C85-A450-4D3B-B97D-90DD8BFFCB52}" type="parTrans" cxnId="{F6054386-0228-4A46-AFFA-9D963E71A7C3}">
      <dgm:prSet/>
      <dgm:spPr/>
      <dgm:t>
        <a:bodyPr/>
        <a:lstStyle/>
        <a:p>
          <a:endParaRPr lang="en-US"/>
        </a:p>
      </dgm:t>
    </dgm:pt>
    <dgm:pt modelId="{CB28C0A9-EC2E-42DD-87F0-82BAB58CE1AD}" type="sibTrans" cxnId="{F6054386-0228-4A46-AFFA-9D963E71A7C3}">
      <dgm:prSet/>
      <dgm:spPr/>
      <dgm:t>
        <a:bodyPr/>
        <a:lstStyle/>
        <a:p>
          <a:endParaRPr lang="en-US"/>
        </a:p>
      </dgm:t>
    </dgm:pt>
    <dgm:pt modelId="{82C99762-868C-4BE7-8787-A97B0573E95C}">
      <dgm:prSet phldrT="[Text]"/>
      <dgm:spPr/>
      <dgm:t>
        <a:bodyPr/>
        <a:lstStyle/>
        <a:p>
          <a:pPr marR="0" eaLnBrk="1" fontAlgn="auto" latinLnBrk="0" hangingPunct="1">
            <a:buClrTx/>
            <a:buSzTx/>
            <a:buFontTx/>
          </a:pPr>
          <a:r>
            <a:rPr lang="sq-AL" b="1" dirty="0"/>
            <a:t>dhjetor</a:t>
          </a:r>
          <a:r>
            <a:rPr lang="en-US" b="1" dirty="0"/>
            <a:t> 202</a:t>
          </a:r>
          <a:r>
            <a:rPr lang="mk-MK" b="1" dirty="0"/>
            <a:t>3</a:t>
          </a:r>
          <a:endParaRPr lang="en-US" b="1" dirty="0"/>
        </a:p>
        <a:p>
          <a:pPr marR="0" eaLnBrk="1" fontAlgn="auto" latinLnBrk="0" hangingPunct="1">
            <a:buClrTx/>
            <a:buSzTx/>
            <a:buFontTx/>
          </a:pPr>
          <a:r>
            <a:rPr lang="en-US" b="1" dirty="0" err="1">
              <a:solidFill>
                <a:schemeClr val="tx1"/>
              </a:solidFill>
            </a:rPr>
            <a:t>Aprovimi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i</a:t>
          </a:r>
          <a:r>
            <a:rPr lang="en-US" b="1" dirty="0">
              <a:solidFill>
                <a:schemeClr val="tx1"/>
              </a:solidFill>
            </a:rPr>
            <a:t> PA-</a:t>
          </a:r>
          <a:r>
            <a:rPr lang="en-US" b="1" dirty="0" err="1">
              <a:solidFill>
                <a:schemeClr val="tx1"/>
              </a:solidFill>
            </a:rPr>
            <a:t>së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mbi</a:t>
          </a:r>
          <a:r>
            <a:rPr lang="en-US" b="1" dirty="0">
              <a:solidFill>
                <a:schemeClr val="tx1"/>
              </a:solidFill>
            </a:rPr>
            <a:t> PQH-</a:t>
          </a:r>
          <a:r>
            <a:rPr lang="en-US" b="1" dirty="0" err="1">
              <a:solidFill>
                <a:schemeClr val="tx1"/>
              </a:solidFill>
            </a:rPr>
            <a:t>në</a:t>
          </a:r>
          <a:r>
            <a:rPr lang="en-US" b="1" dirty="0">
              <a:solidFill>
                <a:schemeClr val="tx1"/>
              </a:solidFill>
            </a:rPr>
            <a:t> 2024-2026 </a:t>
          </a:r>
          <a:r>
            <a:rPr lang="en-US" b="1" dirty="0" err="1">
              <a:solidFill>
                <a:schemeClr val="tx1"/>
              </a:solidFill>
            </a:rPr>
            <a:t>nga</a:t>
          </a:r>
          <a:r>
            <a:rPr lang="en-US" b="1" dirty="0">
              <a:solidFill>
                <a:schemeClr val="tx1"/>
              </a:solidFill>
            </a:rPr>
            <a:t> ana e </a:t>
          </a:r>
          <a:r>
            <a:rPr lang="en-US" b="1" dirty="0" err="1">
              <a:solidFill>
                <a:schemeClr val="tx1"/>
              </a:solidFill>
            </a:rPr>
            <a:t>Qeverisë</a:t>
          </a:r>
          <a:r>
            <a:rPr lang="en-US" b="1" dirty="0">
              <a:solidFill>
                <a:schemeClr val="tx1"/>
              </a:solidFill>
            </a:rPr>
            <a:t> </a:t>
          </a:r>
          <a:r>
            <a:rPr lang="en-US" b="1" dirty="0" err="1">
              <a:solidFill>
                <a:schemeClr val="tx1"/>
              </a:solidFill>
            </a:rPr>
            <a:t>së</a:t>
          </a:r>
          <a:r>
            <a:rPr lang="en-US" b="1" dirty="0">
              <a:solidFill>
                <a:schemeClr val="tx1"/>
              </a:solidFill>
            </a:rPr>
            <a:t> RMV-</a:t>
          </a:r>
          <a:r>
            <a:rPr lang="en-US" b="1" dirty="0" err="1">
              <a:solidFill>
                <a:schemeClr val="tx1"/>
              </a:solidFill>
            </a:rPr>
            <a:t>së</a:t>
          </a:r>
          <a:endParaRPr lang="en-US" b="1" dirty="0">
            <a:solidFill>
              <a:schemeClr val="tx1"/>
            </a:solidFill>
          </a:endParaRPr>
        </a:p>
      </dgm:t>
    </dgm:pt>
    <dgm:pt modelId="{E85E06EB-9CC7-433E-A71A-032B38636160}" type="parTrans" cxnId="{095EE64B-0132-4BE8-ACEF-025DBB98C055}">
      <dgm:prSet/>
      <dgm:spPr/>
      <dgm:t>
        <a:bodyPr/>
        <a:lstStyle/>
        <a:p>
          <a:endParaRPr lang="en-US"/>
        </a:p>
      </dgm:t>
    </dgm:pt>
    <dgm:pt modelId="{C8186C3F-5A70-42CA-8CBC-57761CC789EE}" type="sibTrans" cxnId="{095EE64B-0132-4BE8-ACEF-025DBB98C055}">
      <dgm:prSet/>
      <dgm:spPr/>
      <dgm:t>
        <a:bodyPr/>
        <a:lstStyle/>
        <a:p>
          <a:endParaRPr lang="en-US"/>
        </a:p>
      </dgm:t>
    </dgm:pt>
    <dgm:pt modelId="{CAD18049-7F27-4717-92A6-1E6940404459}" type="pres">
      <dgm:prSet presAssocID="{05EDFDF1-BFF2-4E6E-8B55-7EB677EE860E}" presName="theList" presStyleCnt="0">
        <dgm:presLayoutVars>
          <dgm:dir/>
          <dgm:animLvl val="lvl"/>
          <dgm:resizeHandles val="exact"/>
        </dgm:presLayoutVars>
      </dgm:prSet>
      <dgm:spPr/>
    </dgm:pt>
    <dgm:pt modelId="{67B1EAEC-F071-49B6-A7B9-9E30DB14D4AC}" type="pres">
      <dgm:prSet presAssocID="{7D4E39A3-2C82-49DE-AB51-46EEF78AF915}" presName="compNode" presStyleCnt="0"/>
      <dgm:spPr/>
    </dgm:pt>
    <dgm:pt modelId="{D9B1D20D-2282-47E7-8D2C-C9B5F3F731F8}" type="pres">
      <dgm:prSet presAssocID="{7D4E39A3-2C82-49DE-AB51-46EEF78AF915}" presName="aNode" presStyleLbl="bgShp" presStyleIdx="0" presStyleCnt="1"/>
      <dgm:spPr/>
    </dgm:pt>
    <dgm:pt modelId="{587BA90B-17CB-4C83-8966-44E15F6982B0}" type="pres">
      <dgm:prSet presAssocID="{7D4E39A3-2C82-49DE-AB51-46EEF78AF915}" presName="textNode" presStyleLbl="bgShp" presStyleIdx="0" presStyleCnt="1"/>
      <dgm:spPr/>
    </dgm:pt>
    <dgm:pt modelId="{831C8368-E63D-4DC0-83EB-0A920668B910}" type="pres">
      <dgm:prSet presAssocID="{7D4E39A3-2C82-49DE-AB51-46EEF78AF915}" presName="compChildNode" presStyleCnt="0"/>
      <dgm:spPr/>
    </dgm:pt>
    <dgm:pt modelId="{47CBE384-BC88-455C-8C87-4EE2FD4776EF}" type="pres">
      <dgm:prSet presAssocID="{7D4E39A3-2C82-49DE-AB51-46EEF78AF915}" presName="theInnerList" presStyleCnt="0"/>
      <dgm:spPr/>
    </dgm:pt>
    <dgm:pt modelId="{3874E8DD-5212-4654-82C5-8E06D80595B2}" type="pres">
      <dgm:prSet presAssocID="{428610BE-7CA5-4421-81B6-B75186127841}" presName="childNode" presStyleLbl="node1" presStyleIdx="0" presStyleCnt="6" custScaleX="96487" custScaleY="157901">
        <dgm:presLayoutVars>
          <dgm:bulletEnabled val="1"/>
        </dgm:presLayoutVars>
      </dgm:prSet>
      <dgm:spPr/>
    </dgm:pt>
    <dgm:pt modelId="{4CC78055-D952-49F7-93F8-9BC18F769810}" type="pres">
      <dgm:prSet presAssocID="{428610BE-7CA5-4421-81B6-B75186127841}" presName="aSpace2" presStyleCnt="0"/>
      <dgm:spPr/>
    </dgm:pt>
    <dgm:pt modelId="{A5ADA1C2-04F4-434A-B283-8B44FAD5372B}" type="pres">
      <dgm:prSet presAssocID="{7C943F90-948A-4610-A142-AF81B19515D1}" presName="childNode" presStyleLbl="node1" presStyleIdx="1" presStyleCnt="6" custScaleX="100110" custScaleY="142030">
        <dgm:presLayoutVars>
          <dgm:bulletEnabled val="1"/>
        </dgm:presLayoutVars>
      </dgm:prSet>
      <dgm:spPr/>
    </dgm:pt>
    <dgm:pt modelId="{7994D0DC-582E-4625-A868-2157EE5027AE}" type="pres">
      <dgm:prSet presAssocID="{7C943F90-948A-4610-A142-AF81B19515D1}" presName="aSpace2" presStyleCnt="0"/>
      <dgm:spPr/>
    </dgm:pt>
    <dgm:pt modelId="{6CF018DE-EBCD-424E-8A15-13EB6870A6C8}" type="pres">
      <dgm:prSet presAssocID="{EBA93529-2716-49EB-BF10-20C9C4D53B91}" presName="childNode" presStyleLbl="node1" presStyleIdx="2" presStyleCnt="6" custScaleX="98298" custScaleY="132831">
        <dgm:presLayoutVars>
          <dgm:bulletEnabled val="1"/>
        </dgm:presLayoutVars>
      </dgm:prSet>
      <dgm:spPr/>
    </dgm:pt>
    <dgm:pt modelId="{4357D253-266E-4BA9-B4AB-4963B8DD2F72}" type="pres">
      <dgm:prSet presAssocID="{EBA93529-2716-49EB-BF10-20C9C4D53B91}" presName="aSpace2" presStyleCnt="0"/>
      <dgm:spPr/>
    </dgm:pt>
    <dgm:pt modelId="{0D0D8FFC-37FE-4155-A00D-1AFEE19321E9}" type="pres">
      <dgm:prSet presAssocID="{33F82705-14C3-47F8-A060-6955A2940838}" presName="childNode" presStyleLbl="node1" presStyleIdx="3" presStyleCnt="6">
        <dgm:presLayoutVars>
          <dgm:bulletEnabled val="1"/>
        </dgm:presLayoutVars>
      </dgm:prSet>
      <dgm:spPr/>
    </dgm:pt>
    <dgm:pt modelId="{EB9B9E56-BF60-487F-ADFF-A62241BA1082}" type="pres">
      <dgm:prSet presAssocID="{33F82705-14C3-47F8-A060-6955A2940838}" presName="aSpace2" presStyleCnt="0"/>
      <dgm:spPr/>
    </dgm:pt>
    <dgm:pt modelId="{86159A7F-B890-45CB-9056-8AD6D8566201}" type="pres">
      <dgm:prSet presAssocID="{DCDABF24-5E63-49C5-B67A-5866FD55764D}" presName="childNode" presStyleLbl="node1" presStyleIdx="4" presStyleCnt="6">
        <dgm:presLayoutVars>
          <dgm:bulletEnabled val="1"/>
        </dgm:presLayoutVars>
      </dgm:prSet>
      <dgm:spPr/>
    </dgm:pt>
    <dgm:pt modelId="{169DF89A-00F7-418F-9FAC-F27292D8F3F7}" type="pres">
      <dgm:prSet presAssocID="{DCDABF24-5E63-49C5-B67A-5866FD55764D}" presName="aSpace2" presStyleCnt="0"/>
      <dgm:spPr/>
    </dgm:pt>
    <dgm:pt modelId="{B3C825D1-EE70-4BEA-B04F-3910096B9CFA}" type="pres">
      <dgm:prSet presAssocID="{82C99762-868C-4BE7-8787-A97B0573E95C}" presName="childNode" presStyleLbl="node1" presStyleIdx="5" presStyleCnt="6">
        <dgm:presLayoutVars>
          <dgm:bulletEnabled val="1"/>
        </dgm:presLayoutVars>
      </dgm:prSet>
      <dgm:spPr/>
    </dgm:pt>
  </dgm:ptLst>
  <dgm:cxnLst>
    <dgm:cxn modelId="{A946CF14-793B-47B0-9BB7-4CF55FD1020F}" type="presOf" srcId="{EBA93529-2716-49EB-BF10-20C9C4D53B91}" destId="{6CF018DE-EBCD-424E-8A15-13EB6870A6C8}" srcOrd="0" destOrd="0" presId="urn:microsoft.com/office/officeart/2005/8/layout/lProcess2"/>
    <dgm:cxn modelId="{7089831E-6168-427D-B93B-38EBE2798CCD}" srcId="{7D4E39A3-2C82-49DE-AB51-46EEF78AF915}" destId="{33F82705-14C3-47F8-A060-6955A2940838}" srcOrd="3" destOrd="0" parTransId="{F2D1F609-A520-4F1C-8439-FD1108599EDA}" sibTransId="{33CA3798-5E13-42B2-9172-27F7844F0831}"/>
    <dgm:cxn modelId="{D35ABE31-3081-4002-B20F-3DF430662263}" type="presOf" srcId="{33F82705-14C3-47F8-A060-6955A2940838}" destId="{0D0D8FFC-37FE-4155-A00D-1AFEE19321E9}" srcOrd="0" destOrd="0" presId="urn:microsoft.com/office/officeart/2005/8/layout/lProcess2"/>
    <dgm:cxn modelId="{3D70FE3A-8B2A-4BD9-905C-89A40D01A93D}" type="presOf" srcId="{7D4E39A3-2C82-49DE-AB51-46EEF78AF915}" destId="{D9B1D20D-2282-47E7-8D2C-C9B5F3F731F8}" srcOrd="0" destOrd="0" presId="urn:microsoft.com/office/officeart/2005/8/layout/lProcess2"/>
    <dgm:cxn modelId="{B16CB940-E740-4D69-A9A1-053B7C077282}" type="presOf" srcId="{DCDABF24-5E63-49C5-B67A-5866FD55764D}" destId="{86159A7F-B890-45CB-9056-8AD6D8566201}" srcOrd="0" destOrd="0" presId="urn:microsoft.com/office/officeart/2005/8/layout/lProcess2"/>
    <dgm:cxn modelId="{D9961E67-82E5-49F9-A28F-BFAA829A4548}" type="presOf" srcId="{7C943F90-948A-4610-A142-AF81B19515D1}" destId="{A5ADA1C2-04F4-434A-B283-8B44FAD5372B}" srcOrd="0" destOrd="0" presId="urn:microsoft.com/office/officeart/2005/8/layout/lProcess2"/>
    <dgm:cxn modelId="{095EE64B-0132-4BE8-ACEF-025DBB98C055}" srcId="{7D4E39A3-2C82-49DE-AB51-46EEF78AF915}" destId="{82C99762-868C-4BE7-8787-A97B0573E95C}" srcOrd="5" destOrd="0" parTransId="{E85E06EB-9CC7-433E-A71A-032B38636160}" sibTransId="{C8186C3F-5A70-42CA-8CBC-57761CC789EE}"/>
    <dgm:cxn modelId="{900FA371-D062-4D19-B00E-6640A897CC01}" srcId="{05EDFDF1-BFF2-4E6E-8B55-7EB677EE860E}" destId="{7D4E39A3-2C82-49DE-AB51-46EEF78AF915}" srcOrd="0" destOrd="0" parTransId="{5BD11FBE-114C-4D23-87F7-34669AE82273}" sibTransId="{40839B3A-D89E-4438-AC0E-D0390DFDDA5E}"/>
    <dgm:cxn modelId="{F6054386-0228-4A46-AFFA-9D963E71A7C3}" srcId="{7D4E39A3-2C82-49DE-AB51-46EEF78AF915}" destId="{DCDABF24-5E63-49C5-B67A-5866FD55764D}" srcOrd="4" destOrd="0" parTransId="{476D9C85-A450-4D3B-B97D-90DD8BFFCB52}" sibTransId="{CB28C0A9-EC2E-42DD-87F0-82BAB58CE1AD}"/>
    <dgm:cxn modelId="{FF48E69B-86AE-4964-B3FC-A6541B2E2BA0}" type="presOf" srcId="{428610BE-7CA5-4421-81B6-B75186127841}" destId="{3874E8DD-5212-4654-82C5-8E06D80595B2}" srcOrd="0" destOrd="0" presId="urn:microsoft.com/office/officeart/2005/8/layout/lProcess2"/>
    <dgm:cxn modelId="{2AE9829C-1546-493B-98A3-ED48F7611F53}" type="presOf" srcId="{05EDFDF1-BFF2-4E6E-8B55-7EB677EE860E}" destId="{CAD18049-7F27-4717-92A6-1E6940404459}" srcOrd="0" destOrd="0" presId="urn:microsoft.com/office/officeart/2005/8/layout/lProcess2"/>
    <dgm:cxn modelId="{BD1AF7AB-D8A7-4A67-9A70-C88319E1B462}" type="presOf" srcId="{7D4E39A3-2C82-49DE-AB51-46EEF78AF915}" destId="{587BA90B-17CB-4C83-8966-44E15F6982B0}" srcOrd="1" destOrd="0" presId="urn:microsoft.com/office/officeart/2005/8/layout/lProcess2"/>
    <dgm:cxn modelId="{E8ED27AC-463D-4C90-9BF8-781284D288BC}" srcId="{7D4E39A3-2C82-49DE-AB51-46EEF78AF915}" destId="{428610BE-7CA5-4421-81B6-B75186127841}" srcOrd="0" destOrd="0" parTransId="{6216B3EC-AD2B-40D6-BEB1-3B63838DCCC7}" sibTransId="{51AA294D-839F-4DB6-9B3B-3D7FD6D895B4}"/>
    <dgm:cxn modelId="{DCAD87CA-9AFE-47F7-8CAE-EA031DE64D10}" srcId="{7D4E39A3-2C82-49DE-AB51-46EEF78AF915}" destId="{7C943F90-948A-4610-A142-AF81B19515D1}" srcOrd="1" destOrd="0" parTransId="{52FDBFC5-1659-439E-91BF-B2F1E8B86D03}" sibTransId="{4DA5853A-4620-4A1D-9C10-EFDBDE5A4AE1}"/>
    <dgm:cxn modelId="{EBCFE7DF-C1A0-41F4-B7F4-E2FE90914F18}" type="presOf" srcId="{82C99762-868C-4BE7-8787-A97B0573E95C}" destId="{B3C825D1-EE70-4BEA-B04F-3910096B9CFA}" srcOrd="0" destOrd="0" presId="urn:microsoft.com/office/officeart/2005/8/layout/lProcess2"/>
    <dgm:cxn modelId="{7AF99BE7-9457-486E-97FA-701C84806CCF}" srcId="{7D4E39A3-2C82-49DE-AB51-46EEF78AF915}" destId="{EBA93529-2716-49EB-BF10-20C9C4D53B91}" srcOrd="2" destOrd="0" parTransId="{DCEFC518-0B63-4306-BE46-F4D41AD3A9C4}" sibTransId="{84EC9122-C587-4B84-9CD2-FEC4C0A52938}"/>
    <dgm:cxn modelId="{30BF196F-A5C8-462A-917B-D959D78B169C}" type="presParOf" srcId="{CAD18049-7F27-4717-92A6-1E6940404459}" destId="{67B1EAEC-F071-49B6-A7B9-9E30DB14D4AC}" srcOrd="0" destOrd="0" presId="urn:microsoft.com/office/officeart/2005/8/layout/lProcess2"/>
    <dgm:cxn modelId="{0F661399-5C4A-4B4C-A900-7B96C238CE8F}" type="presParOf" srcId="{67B1EAEC-F071-49B6-A7B9-9E30DB14D4AC}" destId="{D9B1D20D-2282-47E7-8D2C-C9B5F3F731F8}" srcOrd="0" destOrd="0" presId="urn:microsoft.com/office/officeart/2005/8/layout/lProcess2"/>
    <dgm:cxn modelId="{84AACEE3-F161-49F8-966B-950F5F4EB97B}" type="presParOf" srcId="{67B1EAEC-F071-49B6-A7B9-9E30DB14D4AC}" destId="{587BA90B-17CB-4C83-8966-44E15F6982B0}" srcOrd="1" destOrd="0" presId="urn:microsoft.com/office/officeart/2005/8/layout/lProcess2"/>
    <dgm:cxn modelId="{02C5407B-D188-45B0-AA91-7F2E68810C6F}" type="presParOf" srcId="{67B1EAEC-F071-49B6-A7B9-9E30DB14D4AC}" destId="{831C8368-E63D-4DC0-83EB-0A920668B910}" srcOrd="2" destOrd="0" presId="urn:microsoft.com/office/officeart/2005/8/layout/lProcess2"/>
    <dgm:cxn modelId="{787C9F5A-7393-4845-BABF-4753F0F31573}" type="presParOf" srcId="{831C8368-E63D-4DC0-83EB-0A920668B910}" destId="{47CBE384-BC88-455C-8C87-4EE2FD4776EF}" srcOrd="0" destOrd="0" presId="urn:microsoft.com/office/officeart/2005/8/layout/lProcess2"/>
    <dgm:cxn modelId="{4F2967E3-DC30-40A7-8A4F-FB453D1DE6C3}" type="presParOf" srcId="{47CBE384-BC88-455C-8C87-4EE2FD4776EF}" destId="{3874E8DD-5212-4654-82C5-8E06D80595B2}" srcOrd="0" destOrd="0" presId="urn:microsoft.com/office/officeart/2005/8/layout/lProcess2"/>
    <dgm:cxn modelId="{3F511B18-8EE3-4495-9673-943929185CD8}" type="presParOf" srcId="{47CBE384-BC88-455C-8C87-4EE2FD4776EF}" destId="{4CC78055-D952-49F7-93F8-9BC18F769810}" srcOrd="1" destOrd="0" presId="urn:microsoft.com/office/officeart/2005/8/layout/lProcess2"/>
    <dgm:cxn modelId="{963CD474-DF99-4587-8EF1-9986865F141D}" type="presParOf" srcId="{47CBE384-BC88-455C-8C87-4EE2FD4776EF}" destId="{A5ADA1C2-04F4-434A-B283-8B44FAD5372B}" srcOrd="2" destOrd="0" presId="urn:microsoft.com/office/officeart/2005/8/layout/lProcess2"/>
    <dgm:cxn modelId="{7F2C1D6C-38AD-4AAD-AD7C-F8C12DFF8613}" type="presParOf" srcId="{47CBE384-BC88-455C-8C87-4EE2FD4776EF}" destId="{7994D0DC-582E-4625-A868-2157EE5027AE}" srcOrd="3" destOrd="0" presId="urn:microsoft.com/office/officeart/2005/8/layout/lProcess2"/>
    <dgm:cxn modelId="{A0415F32-0130-4200-8837-92B819B766FB}" type="presParOf" srcId="{47CBE384-BC88-455C-8C87-4EE2FD4776EF}" destId="{6CF018DE-EBCD-424E-8A15-13EB6870A6C8}" srcOrd="4" destOrd="0" presId="urn:microsoft.com/office/officeart/2005/8/layout/lProcess2"/>
    <dgm:cxn modelId="{2F1DC0CE-1277-4506-9073-E0EB5AF0D4FC}" type="presParOf" srcId="{47CBE384-BC88-455C-8C87-4EE2FD4776EF}" destId="{4357D253-266E-4BA9-B4AB-4963B8DD2F72}" srcOrd="5" destOrd="0" presId="urn:microsoft.com/office/officeart/2005/8/layout/lProcess2"/>
    <dgm:cxn modelId="{4F06A655-1CDD-4806-B498-18034366C2AC}" type="presParOf" srcId="{47CBE384-BC88-455C-8C87-4EE2FD4776EF}" destId="{0D0D8FFC-37FE-4155-A00D-1AFEE19321E9}" srcOrd="6" destOrd="0" presId="urn:microsoft.com/office/officeart/2005/8/layout/lProcess2"/>
    <dgm:cxn modelId="{7604E795-628D-4AA2-B150-EFDD92DD4F16}" type="presParOf" srcId="{47CBE384-BC88-455C-8C87-4EE2FD4776EF}" destId="{EB9B9E56-BF60-487F-ADFF-A62241BA1082}" srcOrd="7" destOrd="0" presId="urn:microsoft.com/office/officeart/2005/8/layout/lProcess2"/>
    <dgm:cxn modelId="{4D0C2555-4CA2-4FED-B4AC-39F32995DA50}" type="presParOf" srcId="{47CBE384-BC88-455C-8C87-4EE2FD4776EF}" destId="{86159A7F-B890-45CB-9056-8AD6D8566201}" srcOrd="8" destOrd="0" presId="urn:microsoft.com/office/officeart/2005/8/layout/lProcess2"/>
    <dgm:cxn modelId="{C63D101C-0A01-46AD-AD6B-1C0BD1C8FC0A}" type="presParOf" srcId="{47CBE384-BC88-455C-8C87-4EE2FD4776EF}" destId="{169DF89A-00F7-418F-9FAC-F27292D8F3F7}" srcOrd="9" destOrd="0" presId="urn:microsoft.com/office/officeart/2005/8/layout/lProcess2"/>
    <dgm:cxn modelId="{3BC6CDCE-C871-48F2-83D1-84921B19CDB6}" type="presParOf" srcId="{47CBE384-BC88-455C-8C87-4EE2FD4776EF}" destId="{B3C825D1-EE70-4BEA-B04F-3910096B9CFA}" srcOrd="10" destOrd="0" presId="urn:microsoft.com/office/officeart/2005/8/layout/lProcess2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E1BFB6A-4BF5-461F-BDA8-E2E7A1831A3E}">
      <dsp:nvSpPr>
        <dsp:cNvPr id="0" name=""/>
        <dsp:cNvSpPr/>
      </dsp:nvSpPr>
      <dsp:spPr bwMode="white">
        <a:xfrm>
          <a:off x="16389" y="0"/>
          <a:ext cx="1447889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600" b="1" kern="1200" dirty="0"/>
            <a:t>THIRRJE E HAPUR</a:t>
          </a:r>
          <a:endParaRPr lang="en-US" sz="1600" b="1" kern="1200" dirty="0"/>
        </a:p>
      </dsp:txBody>
      <dsp:txXfrm>
        <a:off x="16389" y="0"/>
        <a:ext cx="1447889" cy="1712540"/>
      </dsp:txXfrm>
    </dsp:sp>
    <dsp:sp modelId="{4AEEAD04-C095-4B71-91CC-F6AFC4A04639}">
      <dsp:nvSpPr>
        <dsp:cNvPr id="0" name=""/>
        <dsp:cNvSpPr/>
      </dsp:nvSpPr>
      <dsp:spPr bwMode="white">
        <a:xfrm>
          <a:off x="146294" y="1713028"/>
          <a:ext cx="1158311" cy="1121485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/>
            <a:t>Java e </a:t>
          </a:r>
          <a:r>
            <a:rPr lang="en-US" sz="1000" b="1" kern="1200" dirty="0"/>
            <a:t>I</a:t>
          </a:r>
          <a:r>
            <a:rPr lang="sq-AL" sz="1000" b="1" kern="1200" dirty="0"/>
            <a:t>-rë, qershor</a:t>
          </a:r>
          <a:r>
            <a:rPr lang="en-US" sz="1000" b="1" kern="1200" dirty="0"/>
            <a:t> 202</a:t>
          </a:r>
          <a:r>
            <a:rPr lang="mk-MK" sz="1000" b="1" kern="1200" dirty="0"/>
            <a:t>3</a:t>
          </a:r>
          <a:r>
            <a:rPr lang="en-US" sz="1000" b="1" kern="1200" dirty="0"/>
            <a:t>,</a:t>
          </a:r>
        </a:p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>
              <a:solidFill>
                <a:schemeClr val="tx1"/>
              </a:solidFill>
            </a:rPr>
            <a:t>Thirrje e hapur për pjesëmarrje dhe aplikim</a:t>
          </a:r>
          <a:endParaRPr lang="en-US" sz="1000" kern="1200" dirty="0">
            <a:solidFill>
              <a:schemeClr val="tx1"/>
            </a:solidFill>
          </a:endParaRPr>
        </a:p>
      </dsp:txBody>
      <dsp:txXfrm>
        <a:off x="179141" y="1745875"/>
        <a:ext cx="1092617" cy="1055791"/>
      </dsp:txXfrm>
    </dsp:sp>
    <dsp:sp modelId="{61A5A4F2-85E1-4D34-91ED-44A3645AD740}">
      <dsp:nvSpPr>
        <dsp:cNvPr id="0" name=""/>
        <dsp:cNvSpPr/>
      </dsp:nvSpPr>
      <dsp:spPr bwMode="white">
        <a:xfrm>
          <a:off x="146294" y="3007050"/>
          <a:ext cx="1158311" cy="1121485"/>
        </a:xfrm>
        <a:prstGeom prst="roundRect">
          <a:avLst>
            <a:gd name="adj" fmla="val 10000"/>
          </a:avLst>
        </a:prstGeom>
        <a:solidFill>
          <a:schemeClr val="accent5">
            <a:hueOff val="-2451115"/>
            <a:satOff val="-3409"/>
            <a:lumOff val="-130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/>
            <a:t>Java e </a:t>
          </a:r>
          <a:r>
            <a:rPr lang="en-US" sz="1000" b="1" kern="1200" dirty="0"/>
            <a:t>IV</a:t>
          </a:r>
          <a:r>
            <a:rPr lang="sq-AL" sz="1000" b="1" kern="1200" dirty="0"/>
            <a:t>-të, prej në qershor</a:t>
          </a:r>
          <a:r>
            <a:rPr lang="mk-MK" sz="1000" b="1" kern="1200" dirty="0"/>
            <a:t> 2023</a:t>
          </a:r>
          <a:r>
            <a:rPr lang="en-US" sz="1000" b="1" kern="1200" dirty="0"/>
            <a:t>, </a:t>
          </a:r>
        </a:p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>
              <a:solidFill>
                <a:schemeClr val="tx1"/>
              </a:solidFill>
            </a:rPr>
            <a:t>Ngjarje publike për fillimin e procesit të ko-krijimit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179141" y="3039897"/>
        <a:ext cx="1092617" cy="1055791"/>
      </dsp:txXfrm>
    </dsp:sp>
    <dsp:sp modelId="{CC528EC5-3302-4C02-B352-9D35037913E2}">
      <dsp:nvSpPr>
        <dsp:cNvPr id="0" name=""/>
        <dsp:cNvSpPr/>
      </dsp:nvSpPr>
      <dsp:spPr bwMode="white">
        <a:xfrm>
          <a:off x="146294" y="4301072"/>
          <a:ext cx="1158311" cy="1121485"/>
        </a:xfrm>
        <a:prstGeom prst="roundRect">
          <a:avLst>
            <a:gd name="adj" fmla="val 10000"/>
          </a:avLst>
        </a:prstGeom>
        <a:solidFill>
          <a:schemeClr val="accent5">
            <a:hueOff val="-4902230"/>
            <a:satOff val="-6819"/>
            <a:lumOff val="-261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/>
            <a:t>Java e </a:t>
          </a:r>
          <a:r>
            <a:rPr lang="en-US" sz="1000" b="1" kern="1200" dirty="0"/>
            <a:t>IV</a:t>
          </a:r>
          <a:r>
            <a:rPr lang="sq-AL" sz="1000" b="1" kern="1200" dirty="0"/>
            <a:t>-të, prej në qershor</a:t>
          </a:r>
          <a:r>
            <a:rPr lang="mk-MK" sz="1000" b="1" kern="1200" dirty="0"/>
            <a:t> </a:t>
          </a:r>
          <a:r>
            <a:rPr lang="en-US" sz="1000" b="1" kern="1200" dirty="0"/>
            <a:t>202</a:t>
          </a:r>
          <a:r>
            <a:rPr lang="mk-MK" sz="1000" b="1" kern="1200" dirty="0"/>
            <a:t>3</a:t>
          </a:r>
        </a:p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>
              <a:solidFill>
                <a:schemeClr val="tx1"/>
              </a:solidFill>
            </a:rPr>
            <a:t>Formimi i grupeve punuese sipas sferave prioritare për ko-krijimin</a:t>
          </a:r>
          <a:endParaRPr lang="en-US" sz="1000" b="1" kern="1200" dirty="0"/>
        </a:p>
      </dsp:txBody>
      <dsp:txXfrm>
        <a:off x="179141" y="4333919"/>
        <a:ext cx="1092617" cy="1055791"/>
      </dsp:txXfrm>
    </dsp:sp>
    <dsp:sp modelId="{FCD5E35C-DB70-4734-A070-92F6CBF813BE}">
      <dsp:nvSpPr>
        <dsp:cNvPr id="0" name=""/>
        <dsp:cNvSpPr/>
      </dsp:nvSpPr>
      <dsp:spPr bwMode="white">
        <a:xfrm>
          <a:off x="1557986" y="0"/>
          <a:ext cx="1447889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2000" b="1" kern="1200" dirty="0"/>
            <a:t>EDUKIMI DHE INFORMIMI</a:t>
          </a:r>
          <a:endParaRPr lang="en-US" sz="2000" b="1" kern="1200" dirty="0"/>
        </a:p>
      </dsp:txBody>
      <dsp:txXfrm>
        <a:off x="1557986" y="0"/>
        <a:ext cx="1447889" cy="1712540"/>
      </dsp:txXfrm>
    </dsp:sp>
    <dsp:sp modelId="{8FA48B5D-139E-4834-AC61-6E781310C395}">
      <dsp:nvSpPr>
        <dsp:cNvPr id="0" name=""/>
        <dsp:cNvSpPr/>
      </dsp:nvSpPr>
      <dsp:spPr bwMode="white">
        <a:xfrm>
          <a:off x="1730030" y="1777641"/>
          <a:ext cx="1160211" cy="3580303"/>
        </a:xfrm>
        <a:prstGeom prst="roundRect">
          <a:avLst>
            <a:gd name="adj" fmla="val 10000"/>
          </a:avLst>
        </a:prstGeom>
        <a:solidFill>
          <a:schemeClr val="accent5">
            <a:hueOff val="-7353344"/>
            <a:satOff val="-10228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9050" rIns="25400" bIns="19050" numCol="1" spcCol="1270" anchor="ctr" anchorCtr="0">
          <a:noAutofit/>
        </a:bodyPr>
        <a:lstStyle/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/>
            <a:t>Java e </a:t>
          </a:r>
          <a:r>
            <a:rPr lang="en-US" sz="1000" b="1" kern="1200" dirty="0"/>
            <a:t>I</a:t>
          </a:r>
          <a:r>
            <a:rPr lang="sq-AL" sz="1000" b="1" kern="1200" dirty="0"/>
            <a:t>-rë, prej në qershor</a:t>
          </a:r>
          <a:r>
            <a:rPr lang="mk-MK" sz="1000" b="1" kern="1200" dirty="0"/>
            <a:t> </a:t>
          </a:r>
          <a:r>
            <a:rPr lang="en-US" sz="1000" b="1" kern="1200" dirty="0"/>
            <a:t>202</a:t>
          </a:r>
          <a:r>
            <a:rPr lang="mk-MK" sz="1000" b="1" kern="1200" dirty="0"/>
            <a:t>3</a:t>
          </a:r>
          <a:endParaRPr lang="en-US" sz="1000" b="1" kern="1200" dirty="0"/>
        </a:p>
        <a:p>
          <a:pPr marL="0" lvl="0" indent="0" algn="ctr" defTabSz="444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000" b="1" kern="1200" dirty="0">
              <a:solidFill>
                <a:schemeClr val="tx1"/>
              </a:solidFill>
            </a:rPr>
            <a:t>Publikimi i materialit edukativ mbi PQH-në dhe procesi i ko-krijimit të PA</a:t>
          </a:r>
          <a:endParaRPr lang="en-US" sz="1000" b="1" kern="1200" dirty="0">
            <a:solidFill>
              <a:schemeClr val="tx1"/>
            </a:solidFill>
          </a:endParaRPr>
        </a:p>
      </dsp:txBody>
      <dsp:txXfrm>
        <a:off x="1764011" y="1811622"/>
        <a:ext cx="1092249" cy="351234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B1D20D-2282-47E7-8D2C-C9B5F3F731F8}">
      <dsp:nvSpPr>
        <dsp:cNvPr id="0" name=""/>
        <dsp:cNvSpPr/>
      </dsp:nvSpPr>
      <dsp:spPr bwMode="white">
        <a:xfrm>
          <a:off x="1468" y="0"/>
          <a:ext cx="3004445" cy="5708468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600" b="1" kern="1200" dirty="0"/>
            <a:t>KONSULTIME NË PROCESIN E KO-KRIJIMIT</a:t>
          </a:r>
          <a:endParaRPr lang="en-US" sz="1600" b="1" kern="1200" dirty="0"/>
        </a:p>
      </dsp:txBody>
      <dsp:txXfrm>
        <a:off x="1468" y="0"/>
        <a:ext cx="3004445" cy="1712540"/>
      </dsp:txXfrm>
    </dsp:sp>
    <dsp:sp modelId="{3874E8DD-5212-4654-82C5-8E06D80595B2}">
      <dsp:nvSpPr>
        <dsp:cNvPr id="0" name=""/>
        <dsp:cNvSpPr/>
      </dsp:nvSpPr>
      <dsp:spPr bwMode="white">
        <a:xfrm>
          <a:off x="310685" y="1528584"/>
          <a:ext cx="2386010" cy="544609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/>
            <a:t>(</a:t>
          </a:r>
          <a:r>
            <a:rPr lang="sq-AL" sz="900" b="1" kern="1200" dirty="0"/>
            <a:t>Java e </a:t>
          </a:r>
          <a:r>
            <a:rPr lang="en-US" sz="900" b="1" kern="1200" dirty="0"/>
            <a:t>I</a:t>
          </a:r>
          <a:r>
            <a:rPr lang="sq-AL" sz="900" b="1" kern="1200" dirty="0"/>
            <a:t>-rë prej në qershor</a:t>
          </a:r>
          <a:r>
            <a:rPr lang="mk-MK" sz="900" b="1" kern="1200" dirty="0"/>
            <a:t> 2023 </a:t>
          </a:r>
          <a:r>
            <a:rPr lang="en-US" sz="900" b="1" kern="1200" dirty="0"/>
            <a:t>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 err="1">
              <a:solidFill>
                <a:schemeClr val="tx1"/>
              </a:solidFill>
            </a:rPr>
            <a:t>Pyetësori</a:t>
          </a:r>
          <a:r>
            <a:rPr lang="en-US" sz="900" b="1" kern="1200" dirty="0">
              <a:solidFill>
                <a:schemeClr val="tx1"/>
              </a:solidFill>
            </a:rPr>
            <a:t> </a:t>
          </a:r>
          <a:r>
            <a:rPr lang="en-US" sz="900" b="1" kern="1200" dirty="0" err="1">
              <a:solidFill>
                <a:schemeClr val="tx1"/>
              </a:solidFill>
            </a:rPr>
            <a:t>për</a:t>
          </a:r>
          <a:r>
            <a:rPr lang="en-US" sz="900" b="1" kern="1200" dirty="0">
              <a:solidFill>
                <a:schemeClr val="tx1"/>
              </a:solidFill>
            </a:rPr>
            <a:t> </a:t>
          </a:r>
          <a:r>
            <a:rPr lang="en-US" sz="900" b="1" kern="1200" dirty="0" err="1">
              <a:solidFill>
                <a:schemeClr val="tx1"/>
              </a:solidFill>
            </a:rPr>
            <a:t>zbatimin</a:t>
          </a:r>
          <a:r>
            <a:rPr lang="en-US" sz="900" b="1" kern="1200" dirty="0">
              <a:solidFill>
                <a:schemeClr val="tx1"/>
              </a:solidFill>
            </a:rPr>
            <a:t> e </a:t>
          </a:r>
          <a:r>
            <a:rPr lang="en-US" sz="900" b="1" kern="1200" dirty="0" err="1">
              <a:solidFill>
                <a:schemeClr val="tx1"/>
              </a:solidFill>
            </a:rPr>
            <a:t>angazhimeve</a:t>
          </a:r>
          <a:r>
            <a:rPr lang="en-US" sz="900" b="1" kern="1200" dirty="0">
              <a:solidFill>
                <a:schemeClr val="tx1"/>
              </a:solidFill>
            </a:rPr>
            <a:t> </a:t>
          </a:r>
          <a:r>
            <a:rPr lang="en-US" sz="900" b="1" kern="1200" dirty="0" err="1">
              <a:solidFill>
                <a:schemeClr val="tx1"/>
              </a:solidFill>
            </a:rPr>
            <a:t>të</a:t>
          </a:r>
          <a:r>
            <a:rPr lang="en-US" sz="900" b="1" kern="1200" dirty="0">
              <a:solidFill>
                <a:schemeClr val="tx1"/>
              </a:solidFill>
            </a:rPr>
            <a:t> PN</a:t>
          </a:r>
          <a:r>
            <a:rPr lang="sq-AL" sz="900" b="1" kern="1200" dirty="0">
              <a:solidFill>
                <a:schemeClr val="tx1"/>
              </a:solidFill>
            </a:rPr>
            <a:t>A</a:t>
          </a:r>
          <a:r>
            <a:rPr lang="en-US" sz="900" b="1" kern="1200" dirty="0">
              <a:solidFill>
                <a:schemeClr val="tx1"/>
              </a:solidFill>
            </a:rPr>
            <a:t> 5</a:t>
          </a:r>
        </a:p>
      </dsp:txBody>
      <dsp:txXfrm>
        <a:off x="326636" y="1544535"/>
        <a:ext cx="2354108" cy="512707"/>
      </dsp:txXfrm>
    </dsp:sp>
    <dsp:sp modelId="{D1232BF8-093A-4B03-8FDA-94467AD99259}">
      <dsp:nvSpPr>
        <dsp:cNvPr id="0" name=""/>
        <dsp:cNvSpPr/>
      </dsp:nvSpPr>
      <dsp:spPr bwMode="white">
        <a:xfrm>
          <a:off x="320216" y="2175503"/>
          <a:ext cx="2366949" cy="439322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AKIMI I PARË</a:t>
          </a:r>
          <a:r>
            <a:rPr lang="sq-AL" sz="900" kern="1200" dirty="0"/>
            <a:t> </a:t>
          </a:r>
          <a:r>
            <a:rPr lang="en-US" sz="900" b="1" kern="1200" dirty="0"/>
            <a:t>(</a:t>
          </a:r>
          <a:r>
            <a:rPr lang="sq-AL" sz="900" b="1" kern="1200" dirty="0"/>
            <a:t>Java e </a:t>
          </a:r>
          <a:r>
            <a:rPr lang="en-US" sz="900" b="1" kern="1200" dirty="0"/>
            <a:t>I</a:t>
          </a:r>
          <a:r>
            <a:rPr lang="sq-AL" sz="900" b="1" kern="1200" dirty="0"/>
            <a:t>-rë</a:t>
          </a:r>
          <a:r>
            <a:rPr lang="en-US" sz="900" b="1" kern="1200" dirty="0"/>
            <a:t> </a:t>
          </a:r>
          <a:r>
            <a:rPr lang="sq-AL" sz="900" b="1" kern="1200" dirty="0"/>
            <a:t>korrik</a:t>
          </a:r>
          <a:r>
            <a:rPr lang="mk-MK" sz="900" b="1" kern="1200" dirty="0"/>
            <a:t> 2023</a:t>
          </a:r>
          <a:r>
            <a:rPr lang="en-US" sz="900" b="1" kern="1200" dirty="0"/>
            <a:t>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>
              <a:solidFill>
                <a:schemeClr val="tx1"/>
              </a:solidFill>
            </a:rPr>
            <a:t>IDENTIFIKIMI DHE PËRSHKRIMI I PROBLEMEVE TË REJA</a:t>
          </a:r>
        </a:p>
      </dsp:txBody>
      <dsp:txXfrm>
        <a:off x="333083" y="2188370"/>
        <a:ext cx="2341215" cy="413588"/>
      </dsp:txXfrm>
    </dsp:sp>
    <dsp:sp modelId="{09D5EF39-794C-4589-8FDD-E5A0E989D351}">
      <dsp:nvSpPr>
        <dsp:cNvPr id="0" name=""/>
        <dsp:cNvSpPr/>
      </dsp:nvSpPr>
      <dsp:spPr bwMode="white">
        <a:xfrm>
          <a:off x="334493" y="2664200"/>
          <a:ext cx="2356518" cy="468919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900" kern="1200" dirty="0"/>
            <a:t>TAKIMI I DYTË </a:t>
          </a:r>
          <a:r>
            <a:rPr lang="en-US" sz="900" kern="1200" dirty="0"/>
            <a:t> </a:t>
          </a:r>
          <a:r>
            <a:rPr lang="en-US" sz="900" b="1" kern="1200" dirty="0"/>
            <a:t>(</a:t>
          </a:r>
          <a:r>
            <a:rPr lang="sq-AL" sz="900" b="1" kern="1200" dirty="0"/>
            <a:t>Java e </a:t>
          </a:r>
          <a:r>
            <a:rPr lang="en-US" sz="900" b="1" kern="1200" dirty="0"/>
            <a:t>III</a:t>
          </a:r>
          <a:r>
            <a:rPr lang="sq-AL" sz="900" b="1" kern="1200" dirty="0"/>
            <a:t>-të e korrikut</a:t>
          </a:r>
          <a:r>
            <a:rPr lang="en-US" sz="900" b="1" kern="1200" dirty="0"/>
            <a:t> 2023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b="1" kern="1200" dirty="0">
              <a:solidFill>
                <a:schemeClr val="tx1"/>
              </a:solidFill>
            </a:rPr>
            <a:t>IDENTIFIKIMI I AKTIVITETEVE NË VIJIM NË LIDHJE ME PROBLEMET E INDENTIFIKUARA</a:t>
          </a:r>
        </a:p>
      </dsp:txBody>
      <dsp:txXfrm>
        <a:off x="348227" y="2677934"/>
        <a:ext cx="2329050" cy="441451"/>
      </dsp:txXfrm>
    </dsp:sp>
    <dsp:sp modelId="{A8109909-526D-45CD-8DAA-D7B9B4549A25}">
      <dsp:nvSpPr>
        <dsp:cNvPr id="0" name=""/>
        <dsp:cNvSpPr/>
      </dsp:nvSpPr>
      <dsp:spPr bwMode="white">
        <a:xfrm>
          <a:off x="296396" y="3178817"/>
          <a:ext cx="2395552" cy="514248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900" kern="1200" dirty="0"/>
            <a:t>TAKIMI I TRETË</a:t>
          </a:r>
          <a:r>
            <a:rPr lang="en-US" sz="900" kern="1200" dirty="0"/>
            <a:t> </a:t>
          </a:r>
          <a:r>
            <a:rPr lang="en-US" sz="900" b="1" kern="1200" dirty="0"/>
            <a:t>(</a:t>
          </a:r>
          <a:r>
            <a:rPr lang="sq-AL" sz="900" b="1" kern="1200" dirty="0"/>
            <a:t>Java e </a:t>
          </a:r>
          <a:r>
            <a:rPr lang="en-US" sz="900" b="1" kern="1200" dirty="0"/>
            <a:t>IV</a:t>
          </a:r>
          <a:r>
            <a:rPr lang="sq-AL" sz="900" b="1" kern="1200" dirty="0"/>
            <a:t>-të e gushtit </a:t>
          </a:r>
          <a:r>
            <a:rPr lang="mk-MK" sz="900" b="1" kern="1200" dirty="0"/>
            <a:t>2023</a:t>
          </a:r>
          <a:r>
            <a:rPr lang="en-US" sz="900" b="1" kern="1200" dirty="0"/>
            <a:t>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900" b="1" kern="1200" dirty="0">
              <a:solidFill>
                <a:schemeClr val="tx1"/>
              </a:solidFill>
            </a:rPr>
            <a:t>PËRCAKTIMI</a:t>
          </a:r>
          <a:r>
            <a:rPr lang="en-US" sz="900" b="1" kern="1200" dirty="0">
              <a:solidFill>
                <a:schemeClr val="tx1"/>
              </a:solidFill>
            </a:rPr>
            <a:t> DHE PRIORITIZIMI I ZGJIDHJEVE TË MUNDSHME</a:t>
          </a:r>
        </a:p>
      </dsp:txBody>
      <dsp:txXfrm>
        <a:off x="311458" y="3193879"/>
        <a:ext cx="2365428" cy="484124"/>
      </dsp:txXfrm>
    </dsp:sp>
    <dsp:sp modelId="{BA7BB1A5-24DC-4A2F-A307-6D1406C86E8A}">
      <dsp:nvSpPr>
        <dsp:cNvPr id="0" name=""/>
        <dsp:cNvSpPr/>
      </dsp:nvSpPr>
      <dsp:spPr bwMode="white">
        <a:xfrm>
          <a:off x="301912" y="3730029"/>
          <a:ext cx="2403556" cy="684290"/>
        </a:xfrm>
        <a:prstGeom prst="roundRect">
          <a:avLst>
            <a:gd name="adj" fmla="val 10000"/>
          </a:avLst>
        </a:prstGeom>
        <a:solidFill>
          <a:srgbClr val="B16D9E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 </a:t>
          </a:r>
          <a:r>
            <a:rPr lang="sq-AL" sz="900" kern="1200" dirty="0"/>
            <a:t>Java e </a:t>
          </a:r>
          <a:r>
            <a:rPr lang="en-US" sz="900" kern="1200" dirty="0"/>
            <a:t>I</a:t>
          </a:r>
          <a:r>
            <a:rPr lang="sq-AL" sz="900" kern="1200" dirty="0"/>
            <a:t>-rë e shtatorit</a:t>
          </a:r>
          <a:r>
            <a:rPr lang="en-US" sz="900" kern="1200" dirty="0"/>
            <a:t> </a:t>
          </a:r>
          <a:r>
            <a:rPr lang="mk-MK" sz="900" kern="1200" dirty="0"/>
            <a:t>2023</a:t>
          </a:r>
          <a:endParaRPr lang="en-US" sz="900" kern="1200" dirty="0"/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900" b="1" kern="1200" dirty="0">
              <a:solidFill>
                <a:schemeClr val="tx1"/>
              </a:solidFill>
            </a:rPr>
            <a:t>TAKIM I</a:t>
          </a:r>
          <a:r>
            <a:rPr lang="en-US" sz="900" b="1" kern="1200" dirty="0">
              <a:solidFill>
                <a:schemeClr val="tx1"/>
              </a:solidFill>
            </a:rPr>
            <a:t> </a:t>
          </a:r>
          <a:r>
            <a:rPr lang="sq-AL" sz="900" kern="1200" dirty="0">
              <a:solidFill>
                <a:schemeClr val="bg1"/>
              </a:solidFill>
            </a:rPr>
            <a:t>KËSHILLIT</a:t>
          </a:r>
          <a:r>
            <a:rPr lang="en-US" sz="900" kern="1200" dirty="0">
              <a:solidFill>
                <a:schemeClr val="tx1"/>
              </a:solidFill>
            </a:rPr>
            <a:t> </a:t>
          </a:r>
          <a:r>
            <a:rPr lang="sq-AL" sz="900" b="1" kern="1200" dirty="0">
              <a:solidFill>
                <a:schemeClr val="tx1"/>
              </a:solidFill>
            </a:rPr>
            <a:t>MBI PQH-në PËR PRIORETIZIMIN E ANGAZHIMEVE DHE RRADHITJEN  E TYRE SIPAS PRIORITETEVE</a:t>
          </a:r>
          <a:endParaRPr lang="en-US" sz="900" b="1" kern="1200" dirty="0">
            <a:solidFill>
              <a:schemeClr val="tx1"/>
            </a:solidFill>
          </a:endParaRPr>
        </a:p>
      </dsp:txBody>
      <dsp:txXfrm>
        <a:off x="321954" y="3750071"/>
        <a:ext cx="2363472" cy="644206"/>
      </dsp:txXfrm>
    </dsp:sp>
    <dsp:sp modelId="{A5ADA1C2-04F4-434A-B283-8B44FAD5372B}">
      <dsp:nvSpPr>
        <dsp:cNvPr id="0" name=""/>
        <dsp:cNvSpPr/>
      </dsp:nvSpPr>
      <dsp:spPr bwMode="white">
        <a:xfrm>
          <a:off x="287311" y="4511436"/>
          <a:ext cx="2432759" cy="829775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7145" rIns="22860" bIns="17145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900" kern="1200" dirty="0"/>
            <a:t>TAKIMI I KATËRT</a:t>
          </a:r>
          <a:endParaRPr lang="mk-MK" sz="900" kern="1200" dirty="0"/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 </a:t>
          </a:r>
          <a:r>
            <a:rPr lang="en-US" sz="900" b="1" kern="1200" dirty="0"/>
            <a:t>(</a:t>
          </a:r>
          <a:r>
            <a:rPr lang="sq-AL" sz="900" b="1" kern="1200" dirty="0"/>
            <a:t>Java e </a:t>
          </a:r>
          <a:r>
            <a:rPr lang="en-US" sz="900" b="1" kern="1200" dirty="0"/>
            <a:t>IV</a:t>
          </a:r>
          <a:r>
            <a:rPr lang="sq-AL" sz="900" b="1" kern="1200" dirty="0"/>
            <a:t>-të e shtatorit</a:t>
          </a:r>
          <a:r>
            <a:rPr lang="mk-MK" sz="900" b="1" kern="1200" dirty="0"/>
            <a:t> 2023</a:t>
          </a:r>
          <a:r>
            <a:rPr lang="en-US" sz="900" b="1" kern="1200" dirty="0"/>
            <a:t>) </a:t>
          </a:r>
        </a:p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it-IT" sz="900" b="1" kern="1200" dirty="0">
              <a:solidFill>
                <a:schemeClr val="tx1"/>
              </a:solidFill>
            </a:rPr>
            <a:t>ZHVILLIMI I ANGAZHIMEVE DHE ZHVILLIMI I INDIKATORËVE</a:t>
          </a:r>
          <a:endParaRPr lang="en-US" sz="900" b="1" kern="1200" dirty="0">
            <a:solidFill>
              <a:schemeClr val="tx1"/>
            </a:solidFill>
          </a:endParaRPr>
        </a:p>
      </dsp:txBody>
      <dsp:txXfrm>
        <a:off x="311614" y="4535739"/>
        <a:ext cx="2384153" cy="78116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9B1D20D-2282-47E7-8D2C-C9B5F3F731F8}">
      <dsp:nvSpPr>
        <dsp:cNvPr id="0" name=""/>
        <dsp:cNvSpPr/>
      </dsp:nvSpPr>
      <dsp:spPr bwMode="white">
        <a:xfrm>
          <a:off x="1284" y="0"/>
          <a:ext cx="2628910" cy="5708468"/>
        </a:xfrm>
        <a:prstGeom prst="roundRect">
          <a:avLst>
            <a:gd name="adj" fmla="val 10000"/>
          </a:avLst>
        </a:prstGeom>
        <a:solidFill>
          <a:schemeClr val="accent5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600" b="1" kern="1200" dirty="0"/>
            <a:t>DORËZIMI I PROPOZIM-ANGAZHIMEVE</a:t>
          </a:r>
          <a:endParaRPr lang="en-US" sz="1600" b="1" kern="1200" dirty="0"/>
        </a:p>
      </dsp:txBody>
      <dsp:txXfrm>
        <a:off x="1284" y="0"/>
        <a:ext cx="2628910" cy="1712540"/>
      </dsp:txXfrm>
    </dsp:sp>
    <dsp:sp modelId="{3874E8DD-5212-4654-82C5-8E06D80595B2}">
      <dsp:nvSpPr>
        <dsp:cNvPr id="0" name=""/>
        <dsp:cNvSpPr/>
      </dsp:nvSpPr>
      <dsp:spPr bwMode="white">
        <a:xfrm>
          <a:off x="301117" y="1713918"/>
          <a:ext cx="2029245" cy="72306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940" tIns="20955" rIns="27940" bIns="20955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sq-AL" sz="1100" b="1" kern="1200" dirty="0"/>
            <a:t>Java e </a:t>
          </a:r>
          <a:r>
            <a:rPr lang="en-US" sz="1100" b="1" kern="1200" dirty="0"/>
            <a:t>IV</a:t>
          </a:r>
          <a:r>
            <a:rPr lang="sq-AL" sz="1100" b="1" kern="1200" dirty="0"/>
            <a:t>-të e shtatorit</a:t>
          </a:r>
          <a:r>
            <a:rPr lang="mk-MK" sz="1100" b="1" kern="1200" dirty="0"/>
            <a:t> 2023</a:t>
          </a:r>
          <a:endParaRPr lang="en-US" sz="1100" b="1" kern="1200" dirty="0"/>
        </a:p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100" b="1" kern="1200" dirty="0" err="1">
              <a:solidFill>
                <a:schemeClr val="tx1"/>
              </a:solidFill>
            </a:rPr>
            <a:t>Dorëzimi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i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propozim</a:t>
          </a:r>
          <a:r>
            <a:rPr lang="sq-AL" sz="1100" b="1" kern="1200" dirty="0">
              <a:solidFill>
                <a:schemeClr val="tx1"/>
              </a:solidFill>
            </a:rPr>
            <a:t>-</a:t>
          </a:r>
          <a:r>
            <a:rPr lang="en-US" sz="1100" b="1" kern="1200" dirty="0" err="1">
              <a:solidFill>
                <a:schemeClr val="tx1"/>
              </a:solidFill>
            </a:rPr>
            <a:t>angazhi</a:t>
          </a:r>
          <a:r>
            <a:rPr lang="sq-AL" sz="1100" b="1" kern="1200" dirty="0">
              <a:solidFill>
                <a:schemeClr val="tx1"/>
              </a:solidFill>
            </a:rPr>
            <a:t>meve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në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Këshillin</a:t>
          </a:r>
          <a:r>
            <a:rPr lang="en-US" sz="1100" b="1" kern="1200" dirty="0">
              <a:solidFill>
                <a:schemeClr val="tx1"/>
              </a:solidFill>
            </a:rPr>
            <a:t> e P</a:t>
          </a:r>
          <a:r>
            <a:rPr lang="sq-AL" sz="1100" b="1" kern="1200" dirty="0">
              <a:solidFill>
                <a:schemeClr val="tx1"/>
              </a:solidFill>
            </a:rPr>
            <a:t>QH</a:t>
          </a:r>
          <a:r>
            <a:rPr lang="en-US" sz="1100" b="1" kern="1200" dirty="0">
              <a:solidFill>
                <a:schemeClr val="tx1"/>
              </a:solidFill>
            </a:rPr>
            <a:t>-</a:t>
          </a:r>
          <a:r>
            <a:rPr lang="en-US" sz="1100" b="1" kern="1200" dirty="0" err="1">
              <a:solidFill>
                <a:schemeClr val="tx1"/>
              </a:solidFill>
            </a:rPr>
            <a:t>së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322295" y="1735096"/>
        <a:ext cx="1986889" cy="680711"/>
      </dsp:txXfrm>
    </dsp:sp>
    <dsp:sp modelId="{A5ADA1C2-04F4-434A-B283-8B44FAD5372B}">
      <dsp:nvSpPr>
        <dsp:cNvPr id="0" name=""/>
        <dsp:cNvSpPr/>
      </dsp:nvSpPr>
      <dsp:spPr bwMode="white">
        <a:xfrm>
          <a:off x="263019" y="2507435"/>
          <a:ext cx="2105441" cy="650390"/>
        </a:xfrm>
        <a:prstGeom prst="roundRect">
          <a:avLst>
            <a:gd name="adj" fmla="val 10000"/>
          </a:avLst>
        </a:prstGeom>
        <a:solidFill>
          <a:schemeClr val="accent5">
            <a:hueOff val="-1470669"/>
            <a:satOff val="-2046"/>
            <a:lumOff val="-78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940" tIns="20955" rIns="27940" bIns="20955" numCol="1" spcCol="1270" anchor="ctr" anchorCtr="0">
          <a:noAutofit/>
        </a:bodyPr>
        <a:lstStyle/>
        <a:p>
          <a:pPr marL="0" marR="0" lvl="0" indent="0" algn="ctr" defTabSz="914400" eaLnBrk="1" fontAlgn="auto" latinLnBrk="0" hangingPunct="1">
            <a:lnSpc>
              <a:spcPct val="100000"/>
            </a:lnSpc>
            <a:spcBef>
              <a:spcPct val="0"/>
            </a:spcBef>
            <a:spcAft>
              <a:spcPts val="0"/>
            </a:spcAft>
            <a:buClrTx/>
            <a:buSzTx/>
            <a:buFontTx/>
            <a:buNone/>
          </a:pPr>
          <a:r>
            <a:rPr lang="sq-AL" sz="1100" b="1" kern="1200" dirty="0"/>
            <a:t>Java e </a:t>
          </a:r>
          <a:r>
            <a:rPr lang="en-US" sz="1100" b="1" kern="1200" dirty="0"/>
            <a:t>II</a:t>
          </a:r>
          <a:r>
            <a:rPr lang="sq-AL" sz="1100" b="1" kern="1200" dirty="0"/>
            <a:t>-të e tetorit </a:t>
          </a:r>
          <a:r>
            <a:rPr lang="mk-MK" sz="1100" b="1" kern="1200" dirty="0"/>
            <a:t>2023</a:t>
          </a:r>
          <a:endParaRPr lang="en-US" sz="1100" b="1" kern="1200" dirty="0"/>
        </a:p>
        <a:p>
          <a:pPr marL="0" marR="0" lvl="0" indent="0" algn="ctr" defTabSz="914400" eaLnBrk="1" fontAlgn="auto" latinLnBrk="0" hangingPunct="1">
            <a:lnSpc>
              <a:spcPct val="100000"/>
            </a:lnSpc>
            <a:spcBef>
              <a:spcPct val="0"/>
            </a:spcBef>
            <a:spcAft>
              <a:spcPts val="0"/>
            </a:spcAft>
            <a:buClrTx/>
            <a:buSzTx/>
            <a:buFontTx/>
            <a:buNone/>
          </a:pPr>
          <a:r>
            <a:rPr lang="en-US" sz="1100" b="1" kern="1200" dirty="0" err="1">
              <a:solidFill>
                <a:schemeClr val="tx1"/>
              </a:solidFill>
            </a:rPr>
            <a:t>Përcaktimi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i</a:t>
          </a:r>
          <a:r>
            <a:rPr lang="en-US" sz="1100" b="1" kern="1200" dirty="0">
              <a:solidFill>
                <a:schemeClr val="tx1"/>
              </a:solidFill>
            </a:rPr>
            <a:t> draft-PA </a:t>
          </a:r>
          <a:r>
            <a:rPr lang="en-US" sz="1100" b="1" kern="1200" dirty="0" err="1">
              <a:solidFill>
                <a:schemeClr val="tx1"/>
              </a:solidFill>
            </a:rPr>
            <a:t>për</a:t>
          </a:r>
          <a:r>
            <a:rPr lang="en-US" sz="1100" b="1" kern="1200" dirty="0">
              <a:solidFill>
                <a:schemeClr val="tx1"/>
              </a:solidFill>
            </a:rPr>
            <a:t> PQH-</a:t>
          </a:r>
          <a:r>
            <a:rPr lang="en-US" sz="1100" b="1" kern="1200" dirty="0" err="1">
              <a:solidFill>
                <a:schemeClr val="tx1"/>
              </a:solidFill>
            </a:rPr>
            <a:t>në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nga</a:t>
          </a:r>
          <a:r>
            <a:rPr lang="en-US" sz="1100" b="1" kern="1200" dirty="0">
              <a:solidFill>
                <a:schemeClr val="tx1"/>
              </a:solidFill>
            </a:rPr>
            <a:t> ana e </a:t>
          </a:r>
          <a:r>
            <a:rPr lang="en-US" sz="1100" b="1" kern="1200" dirty="0" err="1">
              <a:solidFill>
                <a:schemeClr val="tx1"/>
              </a:solidFill>
            </a:rPr>
            <a:t>Këshillit</a:t>
          </a:r>
          <a:r>
            <a:rPr lang="en-US" sz="1100" b="1" kern="1200" dirty="0">
              <a:solidFill>
                <a:schemeClr val="tx1"/>
              </a:solidFill>
            </a:rPr>
            <a:t> </a:t>
          </a:r>
          <a:r>
            <a:rPr lang="en-US" sz="1100" b="1" kern="1200" dirty="0" err="1">
              <a:solidFill>
                <a:schemeClr val="tx1"/>
              </a:solidFill>
            </a:rPr>
            <a:t>mbi</a:t>
          </a:r>
          <a:r>
            <a:rPr lang="en-US" sz="1100" b="1" kern="1200" dirty="0">
              <a:solidFill>
                <a:schemeClr val="tx1"/>
              </a:solidFill>
            </a:rPr>
            <a:t> PQH-</a:t>
          </a:r>
          <a:r>
            <a:rPr lang="en-US" sz="1100" b="1" kern="1200" dirty="0" err="1">
              <a:solidFill>
                <a:schemeClr val="tx1"/>
              </a:solidFill>
            </a:rPr>
            <a:t>në</a:t>
          </a:r>
          <a:endParaRPr lang="en-US" sz="1100" b="1" kern="1200" dirty="0">
            <a:solidFill>
              <a:schemeClr val="tx1"/>
            </a:solidFill>
          </a:endParaRPr>
        </a:p>
      </dsp:txBody>
      <dsp:txXfrm>
        <a:off x="282068" y="2526484"/>
        <a:ext cx="2067343" cy="612292"/>
      </dsp:txXfrm>
    </dsp:sp>
    <dsp:sp modelId="{6CF018DE-EBCD-424E-8A15-13EB6870A6C8}">
      <dsp:nvSpPr>
        <dsp:cNvPr id="0" name=""/>
        <dsp:cNvSpPr/>
      </dsp:nvSpPr>
      <dsp:spPr bwMode="white">
        <a:xfrm>
          <a:off x="282073" y="3228276"/>
          <a:ext cx="2067332" cy="608266"/>
        </a:xfrm>
        <a:prstGeom prst="roundRect">
          <a:avLst>
            <a:gd name="adj" fmla="val 10000"/>
          </a:avLst>
        </a:prstGeom>
        <a:solidFill>
          <a:schemeClr val="accent5">
            <a:hueOff val="-2941338"/>
            <a:satOff val="-4091"/>
            <a:lumOff val="-156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sq-AL" sz="800" b="1" kern="1200" dirty="0"/>
            <a:t>Java e </a:t>
          </a:r>
          <a:r>
            <a:rPr lang="en-US" sz="800" b="1" kern="1200" dirty="0"/>
            <a:t>III</a:t>
          </a:r>
          <a:r>
            <a:rPr lang="sq-AL" sz="800" b="1" kern="1200" dirty="0"/>
            <a:t>-të</a:t>
          </a:r>
          <a:r>
            <a:rPr lang="en-US" sz="800" b="1" kern="1200" dirty="0"/>
            <a:t> </a:t>
          </a:r>
          <a:r>
            <a:rPr lang="sq-AL" sz="800" b="1" kern="1200" dirty="0"/>
            <a:t> e tetorit</a:t>
          </a:r>
          <a:r>
            <a:rPr lang="en-US" sz="800" b="1" kern="1200" dirty="0"/>
            <a:t> 202</a:t>
          </a:r>
          <a:r>
            <a:rPr lang="mk-MK" sz="800" b="1" kern="1200" dirty="0"/>
            <a:t>3</a:t>
          </a:r>
          <a:endParaRPr lang="en-US" sz="800" b="1" kern="1200" dirty="0"/>
        </a:p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800" b="1" kern="1200" dirty="0" err="1">
              <a:solidFill>
                <a:schemeClr val="tx1"/>
              </a:solidFill>
            </a:rPr>
            <a:t>Konsultimi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i</a:t>
          </a:r>
          <a:r>
            <a:rPr lang="en-US" sz="800" b="1" kern="1200" dirty="0">
              <a:solidFill>
                <a:schemeClr val="tx1"/>
              </a:solidFill>
            </a:rPr>
            <a:t> draft-AP </a:t>
          </a:r>
          <a:r>
            <a:rPr lang="en-US" sz="800" b="1" kern="1200" dirty="0" err="1">
              <a:solidFill>
                <a:schemeClr val="tx1"/>
              </a:solidFill>
            </a:rPr>
            <a:t>mbi</a:t>
          </a:r>
          <a:r>
            <a:rPr lang="en-US" sz="800" b="1" kern="1200" dirty="0">
              <a:solidFill>
                <a:schemeClr val="tx1"/>
              </a:solidFill>
            </a:rPr>
            <a:t> PQH-</a:t>
          </a:r>
          <a:r>
            <a:rPr lang="en-US" sz="800" b="1" kern="1200" dirty="0" err="1">
              <a:solidFill>
                <a:schemeClr val="tx1"/>
              </a:solidFill>
            </a:rPr>
            <a:t>në</a:t>
          </a:r>
          <a:endParaRPr lang="en-US" sz="800" b="1" kern="1200" dirty="0">
            <a:solidFill>
              <a:schemeClr val="tx1"/>
            </a:solidFill>
          </a:endParaRPr>
        </a:p>
      </dsp:txBody>
      <dsp:txXfrm>
        <a:off x="299889" y="3246092"/>
        <a:ext cx="2031700" cy="572634"/>
      </dsp:txXfrm>
    </dsp:sp>
    <dsp:sp modelId="{0D0D8FFC-37FE-4155-A00D-1AFEE19321E9}">
      <dsp:nvSpPr>
        <dsp:cNvPr id="0" name=""/>
        <dsp:cNvSpPr/>
      </dsp:nvSpPr>
      <dsp:spPr bwMode="white">
        <a:xfrm>
          <a:off x="264175" y="3906992"/>
          <a:ext cx="2103128" cy="457924"/>
        </a:xfrm>
        <a:prstGeom prst="roundRect">
          <a:avLst>
            <a:gd name="adj" fmla="val 10000"/>
          </a:avLst>
        </a:prstGeom>
        <a:solidFill>
          <a:schemeClr val="accent5">
            <a:hueOff val="-4412007"/>
            <a:satOff val="-6137"/>
            <a:lumOff val="-235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sq-AL" sz="800" b="1" kern="1200" dirty="0"/>
            <a:t>Java e I-rë e nëntorit</a:t>
          </a:r>
          <a:r>
            <a:rPr lang="en-US" sz="800" b="1" kern="1200" dirty="0"/>
            <a:t> 202</a:t>
          </a:r>
          <a:r>
            <a:rPr lang="mk-MK" sz="800" b="1" kern="1200" dirty="0"/>
            <a:t>3</a:t>
          </a:r>
          <a:r>
            <a:rPr lang="en-US" sz="800" b="1" kern="1200" dirty="0"/>
            <a:t> </a:t>
          </a:r>
        </a:p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sq-AL" sz="800" kern="1200" dirty="0">
              <a:solidFill>
                <a:schemeClr val="tx1"/>
              </a:solidFill>
            </a:rPr>
            <a:t>Ngjarje publike</a:t>
          </a:r>
          <a:endParaRPr lang="en-US" sz="800" kern="1200" dirty="0">
            <a:solidFill>
              <a:schemeClr val="tx1"/>
            </a:solidFill>
          </a:endParaRPr>
        </a:p>
      </dsp:txBody>
      <dsp:txXfrm>
        <a:off x="277587" y="3920404"/>
        <a:ext cx="2076304" cy="431100"/>
      </dsp:txXfrm>
    </dsp:sp>
    <dsp:sp modelId="{86159A7F-B890-45CB-9056-8AD6D8566201}">
      <dsp:nvSpPr>
        <dsp:cNvPr id="0" name=""/>
        <dsp:cNvSpPr/>
      </dsp:nvSpPr>
      <dsp:spPr bwMode="white">
        <a:xfrm>
          <a:off x="264175" y="4435367"/>
          <a:ext cx="2103128" cy="457924"/>
        </a:xfrm>
        <a:prstGeom prst="roundRect">
          <a:avLst>
            <a:gd name="adj" fmla="val 10000"/>
          </a:avLst>
        </a:prstGeom>
        <a:solidFill>
          <a:schemeClr val="accent5">
            <a:hueOff val="-5882676"/>
            <a:satOff val="-8182"/>
            <a:lumOff val="-3138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sq-AL" sz="800" b="1" kern="1200" dirty="0"/>
            <a:t>Java e </a:t>
          </a:r>
          <a:r>
            <a:rPr lang="en-US" sz="800" b="1" kern="1200" dirty="0"/>
            <a:t>III </a:t>
          </a:r>
          <a:r>
            <a:rPr lang="sq-AL" sz="800" b="1" kern="1200" dirty="0"/>
            <a:t>–të e nëntorit </a:t>
          </a:r>
          <a:r>
            <a:rPr lang="mk-MK" sz="800" b="1" kern="1200" dirty="0"/>
            <a:t>2023</a:t>
          </a:r>
          <a:endParaRPr lang="en-US" sz="800" b="1" kern="1200" dirty="0"/>
        </a:p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800" b="1" kern="1200" dirty="0" err="1">
              <a:solidFill>
                <a:schemeClr val="tx1"/>
              </a:solidFill>
            </a:rPr>
            <a:t>Përcaktimi</a:t>
          </a:r>
          <a:r>
            <a:rPr lang="en-US" sz="800" b="1" kern="1200" dirty="0">
              <a:solidFill>
                <a:schemeClr val="tx1"/>
              </a:solidFill>
            </a:rPr>
            <a:t> FINAL </a:t>
          </a:r>
          <a:r>
            <a:rPr lang="en-US" sz="800" b="1" kern="1200" dirty="0" err="1">
              <a:solidFill>
                <a:schemeClr val="tx1"/>
              </a:solidFill>
            </a:rPr>
            <a:t>i</a:t>
          </a:r>
          <a:r>
            <a:rPr lang="en-US" sz="800" b="1" kern="1200" dirty="0">
              <a:solidFill>
                <a:schemeClr val="tx1"/>
              </a:solidFill>
            </a:rPr>
            <a:t> PA</a:t>
          </a:r>
          <a:r>
            <a:rPr lang="sq-AL" sz="800" b="1" kern="1200">
              <a:solidFill>
                <a:schemeClr val="tx1"/>
              </a:solidFill>
            </a:rPr>
            <a:t>-së</a:t>
          </a:r>
          <a:r>
            <a:rPr lang="en-US" sz="800" b="1" kern="120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mbi</a:t>
          </a:r>
          <a:r>
            <a:rPr lang="en-US" sz="800" b="1" kern="1200" dirty="0">
              <a:solidFill>
                <a:schemeClr val="tx1"/>
              </a:solidFill>
            </a:rPr>
            <a:t> PQH-</a:t>
          </a:r>
          <a:r>
            <a:rPr lang="en-US" sz="800" b="1" kern="1200" dirty="0" err="1">
              <a:solidFill>
                <a:schemeClr val="tx1"/>
              </a:solidFill>
            </a:rPr>
            <a:t>në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nga</a:t>
          </a:r>
          <a:r>
            <a:rPr lang="en-US" sz="800" b="1" kern="1200" dirty="0">
              <a:solidFill>
                <a:schemeClr val="tx1"/>
              </a:solidFill>
            </a:rPr>
            <a:t> ana e </a:t>
          </a:r>
          <a:r>
            <a:rPr lang="en-US" sz="800" b="1" kern="1200" dirty="0" err="1">
              <a:solidFill>
                <a:schemeClr val="tx1"/>
              </a:solidFill>
            </a:rPr>
            <a:t>Këshillit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mbi</a:t>
          </a:r>
          <a:r>
            <a:rPr lang="en-US" sz="800" b="1" kern="1200" dirty="0">
              <a:solidFill>
                <a:schemeClr val="tx1"/>
              </a:solidFill>
            </a:rPr>
            <a:t> PQH-</a:t>
          </a:r>
          <a:r>
            <a:rPr lang="en-US" sz="800" b="1" kern="1200" dirty="0" err="1">
              <a:solidFill>
                <a:schemeClr val="tx1"/>
              </a:solidFill>
            </a:rPr>
            <a:t>në</a:t>
          </a:r>
          <a:endParaRPr lang="en-US" sz="800" b="1" kern="1200" dirty="0">
            <a:solidFill>
              <a:schemeClr val="tx1"/>
            </a:solidFill>
          </a:endParaRPr>
        </a:p>
      </dsp:txBody>
      <dsp:txXfrm>
        <a:off x="277587" y="4448779"/>
        <a:ext cx="2076304" cy="431100"/>
      </dsp:txXfrm>
    </dsp:sp>
    <dsp:sp modelId="{B3C825D1-EE70-4BEA-B04F-3910096B9CFA}">
      <dsp:nvSpPr>
        <dsp:cNvPr id="0" name=""/>
        <dsp:cNvSpPr/>
      </dsp:nvSpPr>
      <dsp:spPr bwMode="white">
        <a:xfrm>
          <a:off x="264175" y="4963742"/>
          <a:ext cx="2103128" cy="457924"/>
        </a:xfrm>
        <a:prstGeom prst="roundRect">
          <a:avLst>
            <a:gd name="adj" fmla="val 10000"/>
          </a:avLst>
        </a:prstGeom>
        <a:solidFill>
          <a:schemeClr val="accent5">
            <a:hueOff val="-7353344"/>
            <a:satOff val="-10228"/>
            <a:lumOff val="-392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5240" rIns="20320" bIns="15240" numCol="1" spcCol="1270" anchor="ctr" anchorCtr="0">
          <a:noAutofit/>
        </a:bodyPr>
        <a:lstStyle/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sq-AL" sz="800" b="1" kern="1200" dirty="0"/>
            <a:t>dhjetor</a:t>
          </a:r>
          <a:r>
            <a:rPr lang="en-US" sz="800" b="1" kern="1200" dirty="0"/>
            <a:t> 202</a:t>
          </a:r>
          <a:r>
            <a:rPr lang="mk-MK" sz="800" b="1" kern="1200" dirty="0"/>
            <a:t>3</a:t>
          </a:r>
          <a:endParaRPr lang="en-US" sz="800" b="1" kern="1200" dirty="0"/>
        </a:p>
        <a:p>
          <a:pPr marL="0" marR="0" lvl="0" indent="0" algn="ctr" defTabSz="355600" eaLnBrk="1" fontAlgn="auto" latinLnBrk="0" hangingPunct="1">
            <a:lnSpc>
              <a:spcPct val="90000"/>
            </a:lnSpc>
            <a:spcBef>
              <a:spcPct val="0"/>
            </a:spcBef>
            <a:spcAft>
              <a:spcPct val="35000"/>
            </a:spcAft>
            <a:buClrTx/>
            <a:buSzTx/>
            <a:buFontTx/>
            <a:buNone/>
          </a:pPr>
          <a:r>
            <a:rPr lang="en-US" sz="800" b="1" kern="1200" dirty="0" err="1">
              <a:solidFill>
                <a:schemeClr val="tx1"/>
              </a:solidFill>
            </a:rPr>
            <a:t>Aprovimi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i</a:t>
          </a:r>
          <a:r>
            <a:rPr lang="en-US" sz="800" b="1" kern="1200" dirty="0">
              <a:solidFill>
                <a:schemeClr val="tx1"/>
              </a:solidFill>
            </a:rPr>
            <a:t> PA-</a:t>
          </a:r>
          <a:r>
            <a:rPr lang="en-US" sz="800" b="1" kern="1200" dirty="0" err="1">
              <a:solidFill>
                <a:schemeClr val="tx1"/>
              </a:solidFill>
            </a:rPr>
            <a:t>së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mbi</a:t>
          </a:r>
          <a:r>
            <a:rPr lang="en-US" sz="800" b="1" kern="1200" dirty="0">
              <a:solidFill>
                <a:schemeClr val="tx1"/>
              </a:solidFill>
            </a:rPr>
            <a:t> PQH-</a:t>
          </a:r>
          <a:r>
            <a:rPr lang="en-US" sz="800" b="1" kern="1200" dirty="0" err="1">
              <a:solidFill>
                <a:schemeClr val="tx1"/>
              </a:solidFill>
            </a:rPr>
            <a:t>në</a:t>
          </a:r>
          <a:r>
            <a:rPr lang="en-US" sz="800" b="1" kern="1200" dirty="0">
              <a:solidFill>
                <a:schemeClr val="tx1"/>
              </a:solidFill>
            </a:rPr>
            <a:t> 2024-2026 </a:t>
          </a:r>
          <a:r>
            <a:rPr lang="en-US" sz="800" b="1" kern="1200" dirty="0" err="1">
              <a:solidFill>
                <a:schemeClr val="tx1"/>
              </a:solidFill>
            </a:rPr>
            <a:t>nga</a:t>
          </a:r>
          <a:r>
            <a:rPr lang="en-US" sz="800" b="1" kern="1200" dirty="0">
              <a:solidFill>
                <a:schemeClr val="tx1"/>
              </a:solidFill>
            </a:rPr>
            <a:t> ana e </a:t>
          </a:r>
          <a:r>
            <a:rPr lang="en-US" sz="800" b="1" kern="1200" dirty="0" err="1">
              <a:solidFill>
                <a:schemeClr val="tx1"/>
              </a:solidFill>
            </a:rPr>
            <a:t>Qeverisë</a:t>
          </a:r>
          <a:r>
            <a:rPr lang="en-US" sz="800" b="1" kern="1200" dirty="0">
              <a:solidFill>
                <a:schemeClr val="tx1"/>
              </a:solidFill>
            </a:rPr>
            <a:t> </a:t>
          </a:r>
          <a:r>
            <a:rPr lang="en-US" sz="800" b="1" kern="1200" dirty="0" err="1">
              <a:solidFill>
                <a:schemeClr val="tx1"/>
              </a:solidFill>
            </a:rPr>
            <a:t>së</a:t>
          </a:r>
          <a:r>
            <a:rPr lang="en-US" sz="800" b="1" kern="1200" dirty="0">
              <a:solidFill>
                <a:schemeClr val="tx1"/>
              </a:solidFill>
            </a:rPr>
            <a:t> RMV-</a:t>
          </a:r>
          <a:r>
            <a:rPr lang="en-US" sz="800" b="1" kern="1200" dirty="0" err="1">
              <a:solidFill>
                <a:schemeClr val="tx1"/>
              </a:solidFill>
            </a:rPr>
            <a:t>së</a:t>
          </a:r>
          <a:endParaRPr lang="en-US" sz="800" b="1" kern="1200" dirty="0">
            <a:solidFill>
              <a:schemeClr val="tx1"/>
            </a:solidFill>
          </a:endParaRPr>
        </a:p>
      </dsp:txBody>
      <dsp:txXfrm>
        <a:off x="277587" y="4977154"/>
        <a:ext cx="2076304" cy="4311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Process2">
  <dgm:title val=""/>
  <dgm:desc val=""/>
  <dgm:catLst>
    <dgm:cat type="list" pri="10000"/>
    <dgm:cat type="relationship" pri="1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theList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h"/>
      <dgm:constr type="w" for="ch" forName="aSpace" refType="w" fact="0.075"/>
      <dgm:constr type="h" for="des" forName="aSpace2" refType="h" fact="0.1"/>
      <dgm:constr type="primFontSz" for="des" forName="textNode" op="equ"/>
      <dgm:constr type="primFontSz" for="des" forName="childNode" op="equ"/>
    </dgm:constrLst>
    <dgm:ruleLst/>
    <dgm:forEach name="aNode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onstrLst>
          <dgm:constr type="w" for="ch" forName="aNode" refType="w"/>
          <dgm:constr type="h" for="ch" forName="aNode" refType="h"/>
          <dgm:constr type="w" for="ch" forName="textNode" refType="w"/>
          <dgm:constr type="h" for="ch" forName="textNode" refType="h" fact="0.3"/>
          <dgm:constr type="ctrX" for="ch" forName="textNode" refType="w" fact="0.5"/>
          <dgm:constr type="w" for="ch" forName="compChildNode" refType="w" fact="0.8"/>
          <dgm:constr type="h" for="ch" forName="compChildNode" refType="h" fact="0.65"/>
          <dgm:constr type="t" for="ch" forName="compChildNode" refType="h" fact="0.3"/>
          <dgm:constr type="ctrX" for="ch" forName="compChildNode" refType="w" fact="0.5"/>
        </dgm:constrLst>
        <dgm:ruleLst/>
        <dgm:layoutNode name="aNode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/>
          <dgm:ruleLst/>
        </dgm:layoutNode>
        <dgm:layoutNode name="textNode" styleLbl="bgShp">
          <dgm:alg type="tx"/>
          <dgm:shape xmlns:r="http://schemas.openxmlformats.org/officeDocument/2006/relationships" type="rect" r:blip="" hideGeom="1">
            <dgm:adjLst>
              <dgm:adj idx="1" val="0.1"/>
            </dgm:adjLst>
          </dgm:shape>
          <dgm:presOf axis="self"/>
          <dgm:constrLst>
            <dgm:constr type="primFontSz" val="65"/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ompChildNode">
          <dgm:alg type="composite"/>
          <dgm:shape xmlns:r="http://schemas.openxmlformats.org/officeDocument/2006/relationships" r:blip="">
            <dgm:adjLst/>
          </dgm:shape>
          <dgm:presOf/>
          <dgm:constrLst>
            <dgm:constr type="w" for="des" forName="childNode" refType="w"/>
            <dgm:constr type="h" for="des" forName="childNode" refType="h"/>
          </dgm:constrLst>
          <dgm:ruleLst/>
          <dgm:layoutNode name="theInnerList">
            <dgm:alg type="lin">
              <dgm:param type="linDir" val="fromT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childNodeForEach" axis="ch" ptType="node">
              <dgm:layoutNode name="childNode" styleLbl="node1">
                <dgm:varLst>
                  <dgm:bulletEnabled val="1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desOrSelf" ptType="node"/>
                <dgm:constrLst>
                  <dgm:constr type="primFontSz" val="65"/>
                  <dgm:constr type="tMarg" refType="primFontSz" fact="0.15"/>
                  <dgm:constr type="bMarg" refType="primFontSz" fact="0.15"/>
                  <dgm:constr type="lMarg" refType="primFontSz" fact="0.2"/>
                  <dgm:constr type="rMarg" refType="primFontSz" fact="0.2"/>
                </dgm:constrLst>
                <dgm:ruleLst>
                  <dgm:rule type="primFontSz" val="5" fact="NaN" max="NaN"/>
                </dgm:ruleLst>
              </dgm:layoutNode>
              <dgm:choose name="Name3">
                <dgm:if name="Name4" axis="self" ptType="node" func="revPos" op="equ" val="1"/>
                <dgm:else name="Name5">
                  <dgm:layoutNode name="aSpace2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else>
              </dgm:choose>
            </dgm:forEach>
          </dgm:layoutNode>
        </dgm:layoutNode>
      </dgm:layoutNode>
      <dgm:choose name="Name6">
        <dgm:if name="Name7" axis="self" ptType="node" func="revPos" op="equ" val="1"/>
        <dgm:else name="Name8">
          <dgm:layoutNode name="a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#1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#2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#3">
  <dgm:title val=""/>
  <dgm:desc val=""/>
  <dgm:catLst>
    <dgm:cat type="simple" pri="10100"/>
  </dgm:catLst>
  <dgm:scene3d>
    <a:camera prst="orthographicFront"/>
    <a:lightRig rig="threePt" dir="t"/>
  </dgm:scene3d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vert="horz" wrap="square" lIns="91440" tIns="45720" rIns="91440" bIns="45720" numCol="1" rtlCol="0" anchor="t" anchorCtr="0" compatLnSpc="1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marL="0" marR="0" lvl="0" indent="0" algn="l" defTabSz="914400" rtl="0" eaLnBrk="1" fontAlgn="base" latinLnBrk="0" hangingPunct="1">
              <a:lnSpc>
                <a:spcPct val="90000"/>
              </a:lnSpc>
              <a:spcBef>
                <a:spcPts val="100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defRPr/>
            </a:pPr>
            <a:r>
              <a:rPr kumimoji="0" lang="en-US" sz="3200" b="0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lick icon to add picture</a:t>
            </a:r>
            <a:endParaRPr kumimoji="0" lang="en-US" sz="32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>
          <a:xfrm>
            <a:off x="628650" y="365125"/>
            <a:ext cx="7886700" cy="1325563"/>
          </a:xfrm>
          <a:prstGeom prst="rect">
            <a:avLst/>
          </a:prstGeom>
          <a:noFill/>
          <a:ln w="9525">
            <a:noFill/>
          </a:ln>
        </p:spPr>
        <p:txBody>
          <a:bodyPr anchor="ctr" anchorCtr="0"/>
          <a:lstStyle/>
          <a:p>
            <a:pPr lvl="0"/>
            <a:r>
              <a:rPr lang="en-US" altLang="en-US" dirty="0"/>
              <a:t>Click to edit Master title style</a:t>
            </a:r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  <a:noFill/>
          <a:ln w="9525">
            <a:noFill/>
          </a:ln>
        </p:spPr>
        <p:txBody>
          <a:bodyPr/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fld id="{D47C5A9C-0499-44EF-9202-BB191523B12D}" type="datetimeFigureOut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tint val="75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1/6/20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tint val="75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/>
          <a:lstStyle>
            <a:lvl1pPr algn="r">
              <a:defRPr sz="1200">
                <a:solidFill>
                  <a:srgbClr val="898989"/>
                </a:solidFill>
                <a:latin typeface="Calibri" panose="020F0502020204030204" pitchFamily="34" charset="0"/>
              </a:defRPr>
            </a:lvl1pPr>
          </a:lstStyle>
          <a:p>
            <a:pPr lvl="0" eaLnBrk="1" hangingPunct="1"/>
            <a:fld id="{9A0DB2DC-4C9A-4742-B13C-FB6460FD3503}" type="slidenum">
              <a:rPr lang="en-US" altLang="en-US" dirty="0"/>
              <a:t>‹#›</a:t>
            </a:fld>
            <a:endParaRPr lang="en-US" altLang="en-US" dirty="0">
              <a:latin typeface="Arial" panose="020B0604020202020204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 dt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 Light" panose="020F0302020204030204" pitchFamily="34" charset="0"/>
        </a:defRPr>
      </a:lvl9pPr>
    </p:titleStyle>
    <p:bodyStyle>
      <a:lvl1pPr marL="228600" indent="-228600" algn="l" rtl="0" fontAlgn="base">
        <a:lnSpc>
          <a:spcPct val="90000"/>
        </a:lnSpc>
        <a:spcBef>
          <a:spcPts val="1000"/>
        </a:spcBef>
        <a:spcAft>
          <a:spcPct val="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lnSpc>
          <a:spcPct val="90000"/>
        </a:lnSpc>
        <a:spcBef>
          <a:spcPts val="5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diagramData" Target="../diagrams/data3.xml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12" Type="http://schemas.microsoft.com/office/2007/relationships/diagramDrawing" Target="../diagrams/drawing2.xml"/><Relationship Id="rId17" Type="http://schemas.microsoft.com/office/2007/relationships/diagramDrawing" Target="../diagrams/drawing3.xml"/><Relationship Id="rId2" Type="http://schemas.openxmlformats.org/officeDocument/2006/relationships/slideLayout" Target="../slideLayouts/slideLayout7.xml"/><Relationship Id="rId16" Type="http://schemas.openxmlformats.org/officeDocument/2006/relationships/diagramColors" Target="../diagrams/colors3.xml"/><Relationship Id="rId1" Type="http://schemas.openxmlformats.org/officeDocument/2006/relationships/tags" Target="../tags/tag1.xml"/><Relationship Id="rId6" Type="http://schemas.openxmlformats.org/officeDocument/2006/relationships/diagramColors" Target="../diagrams/colors1.xml"/><Relationship Id="rId11" Type="http://schemas.openxmlformats.org/officeDocument/2006/relationships/diagramColors" Target="../diagrams/colors2.xml"/><Relationship Id="rId5" Type="http://schemas.openxmlformats.org/officeDocument/2006/relationships/diagramQuickStyle" Target="../diagrams/quickStyle1.xml"/><Relationship Id="rId15" Type="http://schemas.openxmlformats.org/officeDocument/2006/relationships/diagramQuickStyle" Target="../diagrams/quickStyle3.xml"/><Relationship Id="rId10" Type="http://schemas.openxmlformats.org/officeDocument/2006/relationships/diagramQuickStyle" Target="../diagrams/quickStyle2.xml"/><Relationship Id="rId4" Type="http://schemas.openxmlformats.org/officeDocument/2006/relationships/diagramLayout" Target="../diagrams/layout1.xml"/><Relationship Id="rId9" Type="http://schemas.openxmlformats.org/officeDocument/2006/relationships/diagramLayout" Target="../diagrams/layout2.xml"/><Relationship Id="rId14" Type="http://schemas.openxmlformats.org/officeDocument/2006/relationships/diagramLayout" Target="../diagrams/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T_f23e460505c24ee88159b421b810b7e4_Shape"/>
          <p:cNvSpPr/>
          <p:nvPr>
            <p:custDataLst>
              <p:tags r:id="rId1"/>
            </p:custDataLst>
          </p:nvPr>
        </p:nvSpPr>
        <p:spPr>
          <a:xfrm>
            <a:off x="1706563" y="127000"/>
            <a:ext cx="6562725" cy="55245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anchor="ctr"/>
          <a:lstStyle>
            <a:lvl1pPr marL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sz="1800"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</a:defRPr>
            </a:lvl1pPr>
            <a:lvl2pPr marL="457200" lvl="1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lvl="2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lvl="3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lvl="4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 b="0" i="0" u="none" kern="1200" baseline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</a:lstStyle>
          <a:p>
            <a:pPr lvl="0" algn="ctr" eaLnBrk="1" hangingPunct="1">
              <a:buNone/>
            </a:pPr>
            <a:r>
              <a:rPr lang="en-US" altLang="x-none" sz="2000" b="1" dirty="0">
                <a:latin typeface="Calibri" panose="020F0502020204030204" pitchFamily="34" charset="0"/>
              </a:rPr>
              <a:t>KORNIZA KOHORE E AKTIVITETEVE MBI PËRGATITJEN E PNA-</a:t>
            </a:r>
            <a:r>
              <a:rPr lang="en-US" altLang="x-none" sz="2000" b="1" dirty="0" err="1">
                <a:latin typeface="Calibri" panose="020F0502020204030204" pitchFamily="34" charset="0"/>
              </a:rPr>
              <a:t>së</a:t>
            </a:r>
            <a:r>
              <a:rPr lang="en-US" altLang="x-none" sz="2000" b="1" dirty="0">
                <a:latin typeface="Calibri" panose="020F0502020204030204" pitchFamily="34" charset="0"/>
              </a:rPr>
              <a:t> PËR PARTNERITETIN E QEVERISJES SË HAPUR 2024-2026</a:t>
            </a:r>
            <a:endParaRPr lang="" altLang="x-none" sz="2000" b="1" dirty="0">
              <a:latin typeface="Calibri" panose="020F0502020204030204" pitchFamily="34" charset="0"/>
            </a:endParaRPr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2743280095"/>
              </p:ext>
            </p:extLst>
          </p:nvPr>
        </p:nvGraphicFramePr>
        <p:xfrm>
          <a:off x="232207" y="927463"/>
          <a:ext cx="3007382" cy="57084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Rounded Rectangle 4"/>
          <p:cNvSpPr txBox="1"/>
          <p:nvPr/>
        </p:nvSpPr>
        <p:spPr>
          <a:xfrm>
            <a:off x="3771900" y="1619250"/>
            <a:ext cx="1600200" cy="1085850"/>
          </a:xfrm>
          <a:prstGeom prst="rect">
            <a:avLst/>
          </a:prstGeom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 lIns="163830" tIns="163830" rIns="163830" bIns="163830" spcCol="1270" anchor="ctr"/>
          <a:lstStyle/>
          <a:p>
            <a:pPr marL="0" marR="0" lvl="0" indent="0" algn="ctr" defTabSz="191135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ClrTx/>
              <a:buSzTx/>
              <a:buFontTx/>
              <a:buNone/>
              <a:defRPr/>
            </a:pPr>
            <a:endParaRPr kumimoji="0" lang="en-US" sz="4300" b="0" i="0" u="none" strike="noStrike" kern="1200" cap="none" spc="0" normalizeH="0" baseline="0" noProof="0">
              <a:ln>
                <a:noFill/>
              </a:ln>
              <a:solidFill>
                <a:schemeClr val="dk1">
                  <a:hueOff val="0"/>
                  <a:satOff val="0"/>
                  <a:lumOff val="0"/>
                  <a:alphaOff val="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1878955645"/>
              </p:ext>
            </p:extLst>
          </p:nvPr>
        </p:nvGraphicFramePr>
        <p:xfrm>
          <a:off x="3313580" y="927463"/>
          <a:ext cx="3007382" cy="57084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graphicFrame>
        <p:nvGraphicFramePr>
          <p:cNvPr id="10" name="Diagram 9"/>
          <p:cNvGraphicFramePr/>
          <p:nvPr>
            <p:extLst>
              <p:ext uri="{D42A27DB-BD31-4B8C-83A1-F6EECF244321}">
                <p14:modId xmlns:p14="http://schemas.microsoft.com/office/powerpoint/2010/main" val="851127809"/>
              </p:ext>
            </p:extLst>
          </p:nvPr>
        </p:nvGraphicFramePr>
        <p:xfrm>
          <a:off x="6394955" y="927464"/>
          <a:ext cx="2631480" cy="570846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  <p:sp>
        <p:nvSpPr>
          <p:cNvPr id="2055" name="Rectangle 11"/>
          <p:cNvSpPr/>
          <p:nvPr/>
        </p:nvSpPr>
        <p:spPr>
          <a:xfrm>
            <a:off x="0" y="6669088"/>
            <a:ext cx="8896350" cy="338554"/>
          </a:xfrm>
          <a:prstGeom prst="rect">
            <a:avLst/>
          </a:prstGeom>
          <a:noFill/>
          <a:ln w="9525">
            <a:noFill/>
          </a:ln>
        </p:spPr>
        <p:txBody>
          <a:bodyPr>
            <a:spAutoFit/>
          </a:bodyPr>
          <a:lstStyle>
            <a:lvl1pPr marL="228600" indent="-228600" algn="l" rtl="0" fontAlgn="base">
              <a:lnSpc>
                <a:spcPct val="90000"/>
              </a:lnSpc>
              <a:spcBef>
                <a:spcPts val="1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</a:lstStyle>
          <a:p>
            <a:pPr marL="0" lvl="0" indent="0" algn="just" eaLnBrk="1" hangingPunct="1">
              <a:lnSpc>
                <a:spcPct val="100000"/>
              </a:lnSpc>
              <a:spcBef>
                <a:spcPct val="0"/>
              </a:spcBef>
              <a:buFontTx/>
              <a:buNone/>
            </a:pP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Shënim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: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N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abel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,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s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pari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jan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pasqyruar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erminet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dhe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aktivitetet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e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përcaktuara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.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abela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mund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plotësohet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me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ngjarje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dhe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akime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organizuara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nga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t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gjithë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faktorët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e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Partneritetit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mbi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Qeverisjen</a:t>
            </a:r>
            <a:r>
              <a:rPr lang="en-US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 e </a:t>
            </a:r>
            <a:r>
              <a:rPr lang="en-US" altLang="en-US" sz="800" b="1" dirty="0" err="1">
                <a:latin typeface="Times New Roman" panose="02020603050405020304" pitchFamily="18" charset="0"/>
                <a:ea typeface="Times New Roman" panose="02020603050405020304" pitchFamily="18" charset="0"/>
              </a:rPr>
              <a:t>Hapur</a:t>
            </a:r>
            <a:r>
              <a:rPr lang="sq-AL" altLang="en-US" sz="800" b="1" dirty="0">
                <a:latin typeface="Times New Roman" panose="02020603050405020304" pitchFamily="18" charset="0"/>
                <a:ea typeface="Times New Roman" panose="02020603050405020304" pitchFamily="18" charset="0"/>
              </a:rPr>
              <a:t>.</a:t>
            </a:r>
            <a:endParaRPr lang="en-US" altLang="en-US" sz="800" b="1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449</TotalTime>
  <Words>357</Words>
  <Application>Microsoft Office PowerPoint</Application>
  <PresentationFormat>On-screen Show (4:3)</PresentationFormat>
  <Paragraphs>3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Times New Roman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ance</dc:creator>
  <cp:lastModifiedBy>Marina Shaf</cp:lastModifiedBy>
  <cp:revision>55</cp:revision>
  <dcterms:created xsi:type="dcterms:W3CDTF">2014-05-08T21:53:54Z</dcterms:created>
  <dcterms:modified xsi:type="dcterms:W3CDTF">2023-11-06T10:03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ICV">
    <vt:lpwstr>C070C07F9E18441A9018FCA485921C56</vt:lpwstr>
  </property>
  <property fmtid="{D5CDD505-2E9C-101B-9397-08002B2CF9AE}" pid="3" name="KSOProductBuildVer">
    <vt:lpwstr>1033-11.2.0.11486</vt:lpwstr>
  </property>
</Properties>
</file>